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6\02_group\02_保育・待機児童対策グループ\07 施設型給付\99 保育料無償化問題\10幼児保育・保育無償化対象施設リスト\R5\14_【R5.04】幼児教育・保育の無償化対象施設リストの更新\04_CMS更新・市町村案内文起案\各更新ファイル\"/>
    </mc:Choice>
  </mc:AlternateContent>
  <bookViews>
    <workbookView xWindow="0" yWindow="0" windowWidth="20496" windowHeight="7752"/>
  </bookViews>
  <sheets>
    <sheet name="幼稚園等預かり保育" sheetId="1" r:id="rId1"/>
  </sheets>
  <definedNames>
    <definedName name="_xlnm.Print_Area" localSheetId="0">幼稚園等預かり保育!$A$1:$I$456</definedName>
    <definedName name="_xlnm.Print_Titles" localSheetId="0">幼稚園等預かり保育!$2: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53" uniqueCount="1361">
  <si>
    <t>No</t>
    <phoneticPr fontId="1"/>
  </si>
  <si>
    <t>市町村名</t>
    <rPh sb="0" eb="3">
      <t>シチョウソン</t>
    </rPh>
    <rPh sb="3" eb="4">
      <t>メイ</t>
    </rPh>
    <phoneticPr fontId="1"/>
  </si>
  <si>
    <t>住所</t>
    <rPh sb="0" eb="2">
      <t>ジュウショ</t>
    </rPh>
    <phoneticPr fontId="1"/>
  </si>
  <si>
    <t>備考</t>
    <rPh sb="0" eb="2">
      <t>ビコウ</t>
    </rPh>
    <phoneticPr fontId="1"/>
  </si>
  <si>
    <t>電話</t>
    <rPh sb="0" eb="2">
      <t>デンワ</t>
    </rPh>
    <phoneticPr fontId="1"/>
  </si>
  <si>
    <t>新制度
幼稚園</t>
    <rPh sb="0" eb="3">
      <t>シンセイド</t>
    </rPh>
    <rPh sb="4" eb="7">
      <t>ヨウチエン</t>
    </rPh>
    <phoneticPr fontId="1"/>
  </si>
  <si>
    <t>私学
助成
幼稚園</t>
    <rPh sb="0" eb="2">
      <t>シガク</t>
    </rPh>
    <rPh sb="3" eb="5">
      <t>ジョセイ</t>
    </rPh>
    <rPh sb="6" eb="9">
      <t>ヨウチエン</t>
    </rPh>
    <phoneticPr fontId="1"/>
  </si>
  <si>
    <t>幼稚園名</t>
    <rPh sb="0" eb="3">
      <t>ヨウチエン</t>
    </rPh>
    <rPh sb="2" eb="3">
      <t>エン</t>
    </rPh>
    <rPh sb="3" eb="4">
      <t>メイ</t>
    </rPh>
    <phoneticPr fontId="1"/>
  </si>
  <si>
    <t>横須賀市</t>
    <rPh sb="0" eb="4">
      <t>ヨコスカシ</t>
    </rPh>
    <phoneticPr fontId="1"/>
  </si>
  <si>
    <t>〇</t>
    <phoneticPr fontId="1"/>
  </si>
  <si>
    <t>青い鳥幼稚園</t>
    <rPh sb="0" eb="1">
      <t>アオ</t>
    </rPh>
    <rPh sb="2" eb="3">
      <t>トリ</t>
    </rPh>
    <rPh sb="3" eb="6">
      <t>ヨウチエン</t>
    </rPh>
    <phoneticPr fontId="1"/>
  </si>
  <si>
    <t>046-823-1345</t>
    <phoneticPr fontId="1"/>
  </si>
  <si>
    <t>ぎんなん幼稚園</t>
    <rPh sb="4" eb="7">
      <t>ヨウチエン</t>
    </rPh>
    <phoneticPr fontId="1"/>
  </si>
  <si>
    <t>046-836-6283</t>
    <phoneticPr fontId="1"/>
  </si>
  <si>
    <t>横須賀市浦上台3-29-3</t>
    <rPh sb="0" eb="4">
      <t>ヨコスカシ</t>
    </rPh>
    <rPh sb="4" eb="7">
      <t>ウラガミダイ</t>
    </rPh>
    <phoneticPr fontId="1"/>
  </si>
  <si>
    <t>横須賀市三春町2-6</t>
    <rPh sb="0" eb="4">
      <t>ヨコスカシ</t>
    </rPh>
    <rPh sb="4" eb="6">
      <t>ミハル</t>
    </rPh>
    <rPh sb="6" eb="7">
      <t>チョウ</t>
    </rPh>
    <phoneticPr fontId="1"/>
  </si>
  <si>
    <t>横須賀市大津町4-22-5</t>
    <rPh sb="0" eb="4">
      <t>ヨコスカシ</t>
    </rPh>
    <rPh sb="4" eb="6">
      <t>オオツ</t>
    </rPh>
    <rPh sb="6" eb="7">
      <t>マチ</t>
    </rPh>
    <phoneticPr fontId="1"/>
  </si>
  <si>
    <t>046-841-2307</t>
    <phoneticPr fontId="1"/>
  </si>
  <si>
    <t>×</t>
    <phoneticPr fontId="1"/>
  </si>
  <si>
    <t>深愛幼稚園</t>
    <rPh sb="0" eb="1">
      <t>シン</t>
    </rPh>
    <rPh sb="1" eb="2">
      <t>アイ</t>
    </rPh>
    <rPh sb="2" eb="5">
      <t>ヨウチエン</t>
    </rPh>
    <phoneticPr fontId="1"/>
  </si>
  <si>
    <t>横須賀市衣笠栄町3-79</t>
    <rPh sb="0" eb="4">
      <t>ヨコスカシ</t>
    </rPh>
    <rPh sb="4" eb="6">
      <t>キヌガサ</t>
    </rPh>
    <rPh sb="6" eb="8">
      <t>サカエチョウ</t>
    </rPh>
    <phoneticPr fontId="1"/>
  </si>
  <si>
    <t>046-851-2245</t>
    <phoneticPr fontId="1"/>
  </si>
  <si>
    <t>信証幼稚園</t>
    <phoneticPr fontId="1"/>
  </si>
  <si>
    <t>横須賀市久里浜7-23-16</t>
    <rPh sb="0" eb="4">
      <t>ヨコスカシ</t>
    </rPh>
    <phoneticPr fontId="1"/>
  </si>
  <si>
    <t>046-835-1422</t>
    <phoneticPr fontId="1"/>
  </si>
  <si>
    <t>武山幼稚園</t>
  </si>
  <si>
    <t xml:space="preserve">横須賀市太田和1-12-1 </t>
    <rPh sb="0" eb="4">
      <t>ヨコスカシ</t>
    </rPh>
    <phoneticPr fontId="1"/>
  </si>
  <si>
    <t>046-857-0424</t>
    <phoneticPr fontId="1"/>
  </si>
  <si>
    <t>野比幼稚園</t>
  </si>
  <si>
    <t>横須賀市野比1-4-1</t>
    <rPh sb="0" eb="4">
      <t>ヨコスカシ</t>
    </rPh>
    <phoneticPr fontId="1"/>
  </si>
  <si>
    <t>046-848-7932</t>
    <phoneticPr fontId="1"/>
  </si>
  <si>
    <t>横須賀若葉幼稚園</t>
    <phoneticPr fontId="1"/>
  </si>
  <si>
    <t>横須賀市金谷1－5－8</t>
    <rPh sb="0" eb="4">
      <t>ヨコスカシ</t>
    </rPh>
    <phoneticPr fontId="1"/>
  </si>
  <si>
    <t>046-852-0779</t>
    <phoneticPr fontId="1"/>
  </si>
  <si>
    <t xml:space="preserve">横須賀市岩戸3-37-5 </t>
    <rPh sb="0" eb="4">
      <t>ヨコスカシ</t>
    </rPh>
    <phoneticPr fontId="1"/>
  </si>
  <si>
    <t>046-849-1300</t>
    <phoneticPr fontId="1"/>
  </si>
  <si>
    <t>久里浜幼稚園</t>
  </si>
  <si>
    <t xml:space="preserve">横須賀市久里浜2-9-1 </t>
    <rPh sb="0" eb="4">
      <t>ヨコスカシ</t>
    </rPh>
    <phoneticPr fontId="1"/>
  </si>
  <si>
    <t>046-835-6501</t>
    <phoneticPr fontId="1"/>
  </si>
  <si>
    <t>ケンコウ幼稚園</t>
    <rPh sb="4" eb="7">
      <t>ヨウチエン</t>
    </rPh>
    <phoneticPr fontId="2"/>
  </si>
  <si>
    <t>横須賀市小原台31-1</t>
    <rPh sb="0" eb="4">
      <t>ヨコスカシ</t>
    </rPh>
    <phoneticPr fontId="1"/>
  </si>
  <si>
    <t>046-843-1245</t>
    <phoneticPr fontId="1"/>
  </si>
  <si>
    <t>白鳩幼稚園</t>
    <rPh sb="0" eb="1">
      <t>シラ</t>
    </rPh>
    <rPh sb="1" eb="2">
      <t>ハト</t>
    </rPh>
    <rPh sb="2" eb="5">
      <t>ヨウチエン</t>
    </rPh>
    <phoneticPr fontId="2"/>
  </si>
  <si>
    <t>横須賀市追浜本町2-1-2</t>
    <rPh sb="0" eb="4">
      <t>ヨコスカシ</t>
    </rPh>
    <phoneticPr fontId="1"/>
  </si>
  <si>
    <t>046-865-3668</t>
    <phoneticPr fontId="1"/>
  </si>
  <si>
    <t>湘南長沢幼稚園</t>
    <rPh sb="0" eb="2">
      <t>ショウナン</t>
    </rPh>
    <rPh sb="2" eb="4">
      <t>ナガサワ</t>
    </rPh>
    <rPh sb="4" eb="7">
      <t>ヨウチエン</t>
    </rPh>
    <phoneticPr fontId="2"/>
  </si>
  <si>
    <t xml:space="preserve">横須賀市グリーンハイツ13-2 </t>
    <rPh sb="0" eb="4">
      <t>ヨコスカシ</t>
    </rPh>
    <phoneticPr fontId="1"/>
  </si>
  <si>
    <t>046-849-6407</t>
    <phoneticPr fontId="1"/>
  </si>
  <si>
    <t>城北幼稚園</t>
    <rPh sb="0" eb="2">
      <t>ジョウホク</t>
    </rPh>
    <rPh sb="2" eb="5">
      <t>ヨウチエン</t>
    </rPh>
    <phoneticPr fontId="2"/>
  </si>
  <si>
    <t>横須賀市平作6-3-10</t>
    <rPh sb="0" eb="4">
      <t>ヨコスカシ</t>
    </rPh>
    <phoneticPr fontId="1"/>
  </si>
  <si>
    <t>046-851-3803</t>
    <phoneticPr fontId="1"/>
  </si>
  <si>
    <t>田浦幼稚園</t>
    <rPh sb="0" eb="2">
      <t>タウラ</t>
    </rPh>
    <rPh sb="2" eb="5">
      <t>ヨウチエン</t>
    </rPh>
    <phoneticPr fontId="2"/>
  </si>
  <si>
    <t xml:space="preserve">横須賀市田浦町5-51 </t>
    <rPh sb="0" eb="4">
      <t>ヨコスカシ</t>
    </rPh>
    <phoneticPr fontId="1"/>
  </si>
  <si>
    <t>046-861-0720</t>
    <phoneticPr fontId="1"/>
  </si>
  <si>
    <t>たかとり幼稚園</t>
    <rPh sb="4" eb="7">
      <t>ヨウチエン</t>
    </rPh>
    <phoneticPr fontId="2"/>
  </si>
  <si>
    <t xml:space="preserve">横須賀市湘南鷹取5-30-1 </t>
    <rPh sb="0" eb="4">
      <t>ヨコスカシ</t>
    </rPh>
    <phoneticPr fontId="1"/>
  </si>
  <si>
    <t>046-866-0700</t>
    <phoneticPr fontId="1"/>
  </si>
  <si>
    <t>津久井幼稚園</t>
    <rPh sb="0" eb="3">
      <t>ツクイ</t>
    </rPh>
    <rPh sb="3" eb="6">
      <t>ヨウチエン</t>
    </rPh>
    <phoneticPr fontId="2"/>
  </si>
  <si>
    <t xml:space="preserve">横須賀市津久井1-12-28 </t>
    <rPh sb="0" eb="4">
      <t>ヨコスカシ</t>
    </rPh>
    <phoneticPr fontId="1"/>
  </si>
  <si>
    <t>046-848-2414</t>
    <phoneticPr fontId="1"/>
  </si>
  <si>
    <t>まぼり幼稚園</t>
    <rPh sb="3" eb="6">
      <t>ヨウチエン</t>
    </rPh>
    <phoneticPr fontId="2"/>
  </si>
  <si>
    <t>横須賀市馬堀海岸3-11-1</t>
    <rPh sb="0" eb="4">
      <t>ヨコスカシ</t>
    </rPh>
    <phoneticPr fontId="1"/>
  </si>
  <si>
    <t>046-841-6762</t>
    <phoneticPr fontId="1"/>
  </si>
  <si>
    <t>三笠幼稚園</t>
    <rPh sb="0" eb="2">
      <t>ミカサ</t>
    </rPh>
    <rPh sb="2" eb="5">
      <t>ヨウチエン</t>
    </rPh>
    <phoneticPr fontId="2"/>
  </si>
  <si>
    <t xml:space="preserve">横須賀市稲岡町82-9 </t>
    <rPh sb="0" eb="4">
      <t>ヨコスカシ</t>
    </rPh>
    <phoneticPr fontId="1"/>
  </si>
  <si>
    <t>046-823-1273</t>
    <phoneticPr fontId="1"/>
  </si>
  <si>
    <t>横須賀幼稚園</t>
    <rPh sb="0" eb="3">
      <t>ヨコスカ</t>
    </rPh>
    <rPh sb="3" eb="6">
      <t>ヨウチエン</t>
    </rPh>
    <phoneticPr fontId="2"/>
  </si>
  <si>
    <t xml:space="preserve">横須賀市本町3-9 </t>
    <rPh sb="0" eb="4">
      <t>ヨコスカシ</t>
    </rPh>
    <phoneticPr fontId="1"/>
  </si>
  <si>
    <t>046-822-1043</t>
    <phoneticPr fontId="1"/>
  </si>
  <si>
    <t>横須賀若草幼稚園</t>
    <rPh sb="0" eb="3">
      <t>ヨコスカ</t>
    </rPh>
    <rPh sb="3" eb="5">
      <t>ワカクサ</t>
    </rPh>
    <rPh sb="5" eb="8">
      <t>ヨウチエン</t>
    </rPh>
    <phoneticPr fontId="2"/>
  </si>
  <si>
    <t>横須賀市森崎2-13-3</t>
    <rPh sb="0" eb="4">
      <t>ヨコスカシ</t>
    </rPh>
    <phoneticPr fontId="1"/>
  </si>
  <si>
    <t>046-836-0526</t>
    <phoneticPr fontId="1"/>
  </si>
  <si>
    <t>平塚市</t>
    <rPh sb="0" eb="3">
      <t>ヒラツカシ</t>
    </rPh>
    <phoneticPr fontId="1"/>
  </si>
  <si>
    <t>認定美里・柿の実こども園</t>
    <phoneticPr fontId="1"/>
  </si>
  <si>
    <t>0463-54-6678</t>
    <phoneticPr fontId="1"/>
  </si>
  <si>
    <t>×</t>
    <phoneticPr fontId="1"/>
  </si>
  <si>
    <t>平塚めぐみこども園</t>
    <phoneticPr fontId="1"/>
  </si>
  <si>
    <t>0463-32-3422</t>
    <phoneticPr fontId="1"/>
  </si>
  <si>
    <t>清水学園付属幼稚園</t>
    <phoneticPr fontId="1"/>
  </si>
  <si>
    <t>0463-58-8080</t>
    <phoneticPr fontId="1"/>
  </si>
  <si>
    <t>認定こども園大野幼稚園</t>
    <phoneticPr fontId="1"/>
  </si>
  <si>
    <t>0463-21-7302</t>
    <phoneticPr fontId="1"/>
  </si>
  <si>
    <t>認定こども園さなだ幼稚園</t>
    <phoneticPr fontId="1"/>
  </si>
  <si>
    <t>0463-58-0001</t>
    <phoneticPr fontId="1"/>
  </si>
  <si>
    <t>つるみね幼稚園</t>
    <rPh sb="4" eb="7">
      <t>ヨウチエン</t>
    </rPh>
    <phoneticPr fontId="1"/>
  </si>
  <si>
    <t>0463-22-2007</t>
    <phoneticPr fontId="1"/>
  </si>
  <si>
    <t>平塚二葉幼稚園</t>
    <rPh sb="2" eb="4">
      <t>フタバ</t>
    </rPh>
    <rPh sb="4" eb="7">
      <t>ヨウチエン</t>
    </rPh>
    <phoneticPr fontId="1"/>
  </si>
  <si>
    <t>0463-31-0864</t>
    <phoneticPr fontId="1"/>
  </si>
  <si>
    <t>育英幼稚園</t>
    <rPh sb="0" eb="2">
      <t>イクエイ</t>
    </rPh>
    <rPh sb="2" eb="5">
      <t>ヨウチエン</t>
    </rPh>
    <phoneticPr fontId="1"/>
  </si>
  <si>
    <t>0463-33-2215</t>
    <phoneticPr fontId="1"/>
  </si>
  <si>
    <t>平塚市大神2380</t>
  </si>
  <si>
    <t>0463-54-3288</t>
    <phoneticPr fontId="1"/>
  </si>
  <si>
    <t>×</t>
  </si>
  <si>
    <t>平塚市大神1587</t>
  </si>
  <si>
    <t>黒部丘幼稚園</t>
  </si>
  <si>
    <t>平塚市黒部丘27-4</t>
  </si>
  <si>
    <t>0463-79-5733</t>
    <phoneticPr fontId="1"/>
  </si>
  <si>
    <t>さきとり幼稚園</t>
  </si>
  <si>
    <t>0463-54-3558</t>
    <phoneticPr fontId="1"/>
  </si>
  <si>
    <t>湘南桜ケ丘幼稚園</t>
  </si>
  <si>
    <t>平塚市桜ケ丘9-17</t>
    <rPh sb="3" eb="6">
      <t>サクラガオカ</t>
    </rPh>
    <phoneticPr fontId="1"/>
  </si>
  <si>
    <t>0463-31-2623</t>
    <phoneticPr fontId="1"/>
  </si>
  <si>
    <t>つくし幼稚園</t>
  </si>
  <si>
    <t>平塚市飯島6</t>
  </si>
  <si>
    <t>0463-58-7111</t>
    <phoneticPr fontId="1"/>
  </si>
  <si>
    <t>平塚市豊原町26-24</t>
  </si>
  <si>
    <t>0463-31-0595</t>
    <phoneticPr fontId="1"/>
  </si>
  <si>
    <t>なでしこ幼稚園</t>
  </si>
  <si>
    <t>0463-31-2471</t>
    <phoneticPr fontId="1"/>
  </si>
  <si>
    <t>白鳥幼稚園</t>
  </si>
  <si>
    <t>平塚市河内399</t>
  </si>
  <si>
    <t>0463-32-7875</t>
    <phoneticPr fontId="1"/>
  </si>
  <si>
    <t>花乃幼稚園</t>
  </si>
  <si>
    <t>平塚市入野138</t>
  </si>
  <si>
    <t>0463-32-0086</t>
    <phoneticPr fontId="1"/>
  </si>
  <si>
    <t>東中原幼稚園</t>
  </si>
  <si>
    <t>0463-33-4849</t>
    <phoneticPr fontId="1"/>
  </si>
  <si>
    <t>平岡幼稚園</t>
  </si>
  <si>
    <t>平塚市岡崎3024</t>
  </si>
  <si>
    <t>0463-58-1188</t>
    <phoneticPr fontId="1"/>
  </si>
  <si>
    <t>平塚学園花水幼稚園</t>
    <rPh sb="0" eb="2">
      <t>ヒラツカ</t>
    </rPh>
    <rPh sb="2" eb="4">
      <t>ガクエン</t>
    </rPh>
    <phoneticPr fontId="1"/>
  </si>
  <si>
    <t>平塚市龍城ヶ丘12-20</t>
  </si>
  <si>
    <t>平塚学園松風幼稚園</t>
    <rPh sb="0" eb="2">
      <t>ヒラツカ</t>
    </rPh>
    <rPh sb="2" eb="4">
      <t>ガクエン</t>
    </rPh>
    <phoneticPr fontId="1"/>
  </si>
  <si>
    <t>平塚市松風町5-27</t>
  </si>
  <si>
    <t>0463-22-0558</t>
    <phoneticPr fontId="1"/>
  </si>
  <si>
    <t>港こども園</t>
    <rPh sb="0" eb="1">
      <t>ミナト</t>
    </rPh>
    <rPh sb="4" eb="5">
      <t>エン</t>
    </rPh>
    <phoneticPr fontId="1"/>
  </si>
  <si>
    <t>0463-22-4189</t>
    <phoneticPr fontId="1"/>
  </si>
  <si>
    <t>小田原市</t>
    <rPh sb="0" eb="4">
      <t>オダワラシ</t>
    </rPh>
    <phoneticPr fontId="1"/>
  </si>
  <si>
    <t>酒匂幼稚園</t>
    <rPh sb="0" eb="2">
      <t>サカワ</t>
    </rPh>
    <rPh sb="2" eb="5">
      <t>ヨウチエン</t>
    </rPh>
    <phoneticPr fontId="1"/>
  </si>
  <si>
    <t>0465-47-3661</t>
    <phoneticPr fontId="1"/>
  </si>
  <si>
    <t>下中幼稚園</t>
    <rPh sb="0" eb="2">
      <t>シモナカ</t>
    </rPh>
    <rPh sb="2" eb="5">
      <t>ヨウチエン</t>
    </rPh>
    <phoneticPr fontId="1"/>
  </si>
  <si>
    <t>小田原市小船174番地の１</t>
    <rPh sb="4" eb="6">
      <t>オブネ</t>
    </rPh>
    <rPh sb="9" eb="11">
      <t>バンチ</t>
    </rPh>
    <phoneticPr fontId="1"/>
  </si>
  <si>
    <t>0465-43-0612</t>
    <phoneticPr fontId="1"/>
  </si>
  <si>
    <t>御濠端幼稚園</t>
    <rPh sb="0" eb="3">
      <t>オホリバタ</t>
    </rPh>
    <rPh sb="3" eb="6">
      <t>ヨウチエン</t>
    </rPh>
    <phoneticPr fontId="1"/>
  </si>
  <si>
    <t>0465-23-2958</t>
    <phoneticPr fontId="1"/>
  </si>
  <si>
    <t>新玉幼稚園</t>
  </si>
  <si>
    <t>0465-22-4060</t>
    <phoneticPr fontId="1"/>
  </si>
  <si>
    <t>鴨宮幼稚園</t>
  </si>
  <si>
    <t>小田原市上新田130番地</t>
    <rPh sb="0" eb="4">
      <t>オダワラシ</t>
    </rPh>
    <rPh sb="10" eb="12">
      <t>バンチ</t>
    </rPh>
    <phoneticPr fontId="1"/>
  </si>
  <si>
    <t>0465-47-4251</t>
    <phoneticPr fontId="1"/>
  </si>
  <si>
    <t>こゆるぎ幼稚園</t>
  </si>
  <si>
    <t>0465-42-5667</t>
    <phoneticPr fontId="1"/>
  </si>
  <si>
    <t>城山幼稚園</t>
  </si>
  <si>
    <t>0465-34-2800</t>
    <phoneticPr fontId="1"/>
  </si>
  <si>
    <t>富水幼稚園</t>
  </si>
  <si>
    <t>小田原市飯田岡92番地</t>
    <rPh sb="0" eb="4">
      <t>オダワラシ</t>
    </rPh>
    <rPh sb="9" eb="11">
      <t>バンチ</t>
    </rPh>
    <phoneticPr fontId="1"/>
  </si>
  <si>
    <t>0465-36-2641</t>
    <phoneticPr fontId="1"/>
  </si>
  <si>
    <t>みみづく幼稚園</t>
  </si>
  <si>
    <t>0465-22-2098</t>
    <phoneticPr fontId="1"/>
  </si>
  <si>
    <t>友愛幼稚園</t>
  </si>
  <si>
    <t>小田原市北ノ窪176番地</t>
    <rPh sb="0" eb="4">
      <t>オダワラシ</t>
    </rPh>
    <rPh sb="10" eb="12">
      <t>バンチ</t>
    </rPh>
    <phoneticPr fontId="1"/>
  </si>
  <si>
    <t>0465-35-1512</t>
    <phoneticPr fontId="1"/>
  </si>
  <si>
    <t>れんげ幼稚園</t>
  </si>
  <si>
    <t>0465-34-4538</t>
    <phoneticPr fontId="1"/>
  </si>
  <si>
    <t>小田原みどり学園（幼稚部）</t>
    <rPh sb="0" eb="3">
      <t>オダワラ</t>
    </rPh>
    <rPh sb="6" eb="8">
      <t>ガクエン</t>
    </rPh>
    <rPh sb="9" eb="11">
      <t>ヨウチ</t>
    </rPh>
    <rPh sb="11" eb="12">
      <t>ブ</t>
    </rPh>
    <phoneticPr fontId="1"/>
  </si>
  <si>
    <t>0465-23-2866</t>
    <phoneticPr fontId="1"/>
  </si>
  <si>
    <t>こひつじ学園（幼稚部）</t>
    <rPh sb="4" eb="6">
      <t>ガクエン</t>
    </rPh>
    <phoneticPr fontId="1"/>
  </si>
  <si>
    <t>0465-36-1789</t>
    <phoneticPr fontId="1"/>
  </si>
  <si>
    <t>南足柄市</t>
    <rPh sb="0" eb="4">
      <t>ミナミアシガラシ</t>
    </rPh>
    <phoneticPr fontId="1"/>
  </si>
  <si>
    <t>南足柄市大雄町1059番地</t>
    <rPh sb="0" eb="4">
      <t>ミナミアシガラシ</t>
    </rPh>
    <rPh sb="4" eb="7">
      <t>ダイユウチョウ</t>
    </rPh>
    <rPh sb="11" eb="13">
      <t>バンチ</t>
    </rPh>
    <phoneticPr fontId="1"/>
  </si>
  <si>
    <t>0465-74-5454</t>
    <phoneticPr fontId="1"/>
  </si>
  <si>
    <t>認定こども園めぐみの丘幼稚園</t>
    <rPh sb="0" eb="2">
      <t>ニンテイ</t>
    </rPh>
    <rPh sb="5" eb="6">
      <t>エン</t>
    </rPh>
    <rPh sb="10" eb="11">
      <t>オカ</t>
    </rPh>
    <rPh sb="11" eb="14">
      <t>ヨウチエン</t>
    </rPh>
    <phoneticPr fontId="1"/>
  </si>
  <si>
    <t>南足柄市沼田323番地</t>
    <rPh sb="0" eb="4">
      <t>ミナミアシガラシ</t>
    </rPh>
    <rPh sb="4" eb="6">
      <t>ヌマタ</t>
    </rPh>
    <rPh sb="9" eb="11">
      <t>バンチ</t>
    </rPh>
    <phoneticPr fontId="1"/>
  </si>
  <si>
    <t>0465-74-6574</t>
    <phoneticPr fontId="1"/>
  </si>
  <si>
    <t>南足柄市立北幼稚園</t>
    <rPh sb="0" eb="5">
      <t>ミナミアシガラシリツ</t>
    </rPh>
    <rPh sb="5" eb="6">
      <t>キタ</t>
    </rPh>
    <rPh sb="6" eb="9">
      <t>ヨウチエン</t>
    </rPh>
    <phoneticPr fontId="1"/>
  </si>
  <si>
    <t>南足柄市苅野675番地</t>
    <rPh sb="0" eb="4">
      <t>ミナミアシガラシ</t>
    </rPh>
    <rPh sb="4" eb="6">
      <t>カリノ</t>
    </rPh>
    <rPh sb="9" eb="11">
      <t>バンチ</t>
    </rPh>
    <phoneticPr fontId="1"/>
  </si>
  <si>
    <t>0465-74-2515</t>
    <phoneticPr fontId="1"/>
  </si>
  <si>
    <t>南足柄市立南足柄幼稚園</t>
    <rPh sb="0" eb="5">
      <t>ミナミアシガラシリツ</t>
    </rPh>
    <rPh sb="5" eb="8">
      <t>ミナミアシガラ</t>
    </rPh>
    <rPh sb="8" eb="11">
      <t>ヨウチエン</t>
    </rPh>
    <phoneticPr fontId="1"/>
  </si>
  <si>
    <t>南足柄市飯沢150番地</t>
    <rPh sb="0" eb="4">
      <t>ミナミアシガラシ</t>
    </rPh>
    <rPh sb="4" eb="6">
      <t>イイザワ</t>
    </rPh>
    <rPh sb="9" eb="11">
      <t>バンチ</t>
    </rPh>
    <phoneticPr fontId="1"/>
  </si>
  <si>
    <t>0465-74-2512</t>
    <phoneticPr fontId="1"/>
  </si>
  <si>
    <t>南足柄市立福沢幼稚園</t>
    <rPh sb="0" eb="5">
      <t>ミナミアシガラシリツ</t>
    </rPh>
    <rPh sb="5" eb="7">
      <t>フクザワ</t>
    </rPh>
    <rPh sb="7" eb="10">
      <t>ヨウチエン</t>
    </rPh>
    <phoneticPr fontId="1"/>
  </si>
  <si>
    <t>南足柄市千津島3001番地10</t>
    <rPh sb="0" eb="4">
      <t>ミナミアシガラシ</t>
    </rPh>
    <rPh sb="4" eb="7">
      <t>センヅシマ</t>
    </rPh>
    <rPh sb="11" eb="13">
      <t>バンチ</t>
    </rPh>
    <phoneticPr fontId="1"/>
  </si>
  <si>
    <t>0465-74-2514</t>
    <phoneticPr fontId="1"/>
  </si>
  <si>
    <t>南足柄市立岡本幼稚園</t>
    <rPh sb="0" eb="5">
      <t>ミナミアシガラシリツ</t>
    </rPh>
    <rPh sb="5" eb="7">
      <t>オカモト</t>
    </rPh>
    <rPh sb="7" eb="10">
      <t>ヨウチエン</t>
    </rPh>
    <phoneticPr fontId="1"/>
  </si>
  <si>
    <t>南足柄市塚原2212番地</t>
    <rPh sb="0" eb="4">
      <t>ミナミアシガラシ</t>
    </rPh>
    <rPh sb="4" eb="6">
      <t>ツカハラ</t>
    </rPh>
    <rPh sb="10" eb="12">
      <t>バンチ</t>
    </rPh>
    <phoneticPr fontId="1"/>
  </si>
  <si>
    <t>0465-74-2513</t>
    <phoneticPr fontId="1"/>
  </si>
  <si>
    <t>南足柄市立むつみ幼稚園</t>
    <rPh sb="0" eb="5">
      <t>ミナミアシガラシリツ</t>
    </rPh>
    <rPh sb="8" eb="11">
      <t>ヨウチエン</t>
    </rPh>
    <phoneticPr fontId="1"/>
  </si>
  <si>
    <t>南足柄市和田河原323番地</t>
    <rPh sb="0" eb="4">
      <t>ミナミアシガラシ</t>
    </rPh>
    <rPh sb="4" eb="8">
      <t>ワダガハラ</t>
    </rPh>
    <rPh sb="11" eb="13">
      <t>バンチ</t>
    </rPh>
    <phoneticPr fontId="1"/>
  </si>
  <si>
    <t>0465-74-4715</t>
    <phoneticPr fontId="1"/>
  </si>
  <si>
    <t>綾瀬市</t>
    <rPh sb="0" eb="3">
      <t>アヤセシ</t>
    </rPh>
    <phoneticPr fontId="1"/>
  </si>
  <si>
    <t>綾瀬幼稚園</t>
    <rPh sb="0" eb="2">
      <t>アヤセ</t>
    </rPh>
    <rPh sb="2" eb="5">
      <t>ヨウチエン</t>
    </rPh>
    <phoneticPr fontId="1"/>
  </si>
  <si>
    <t>綾瀬市寺尾西2-9-50</t>
    <rPh sb="0" eb="3">
      <t>アヤセシ</t>
    </rPh>
    <rPh sb="3" eb="5">
      <t>テラオ</t>
    </rPh>
    <rPh sb="5" eb="6">
      <t>ニシ</t>
    </rPh>
    <phoneticPr fontId="1"/>
  </si>
  <si>
    <t>0467-78-0001</t>
    <phoneticPr fontId="1"/>
  </si>
  <si>
    <t>綾瀬こばと幼稚園</t>
    <rPh sb="0" eb="2">
      <t>アヤセ</t>
    </rPh>
    <rPh sb="5" eb="8">
      <t>ヨウチエン</t>
    </rPh>
    <phoneticPr fontId="1"/>
  </si>
  <si>
    <t>綾瀬市大上9-15-20</t>
    <rPh sb="0" eb="3">
      <t>アヤセシ</t>
    </rPh>
    <rPh sb="3" eb="5">
      <t>オオガミ</t>
    </rPh>
    <phoneticPr fontId="1"/>
  </si>
  <si>
    <t>0467-78-4110</t>
    <phoneticPr fontId="1"/>
  </si>
  <si>
    <t>×</t>
    <phoneticPr fontId="1"/>
  </si>
  <si>
    <t>綾瀬すぎの子幼稚園</t>
    <rPh sb="0" eb="2">
      <t>アヤセ</t>
    </rPh>
    <rPh sb="5" eb="6">
      <t>コ</t>
    </rPh>
    <rPh sb="6" eb="9">
      <t>ヨウチエン</t>
    </rPh>
    <phoneticPr fontId="1"/>
  </si>
  <si>
    <t>綾瀬市落合北5-22-11</t>
    <rPh sb="0" eb="3">
      <t>アヤセシ</t>
    </rPh>
    <rPh sb="3" eb="5">
      <t>オチアイ</t>
    </rPh>
    <rPh sb="5" eb="6">
      <t>キタ</t>
    </rPh>
    <phoneticPr fontId="1"/>
  </si>
  <si>
    <t>綾瀬ゆたか幼稚園</t>
    <rPh sb="0" eb="2">
      <t>アヤセ</t>
    </rPh>
    <rPh sb="5" eb="8">
      <t>ヨウチエン</t>
    </rPh>
    <phoneticPr fontId="1"/>
  </si>
  <si>
    <t>綾瀬市寺尾本町3-12-26</t>
    <rPh sb="0" eb="3">
      <t>アヤセシ</t>
    </rPh>
    <rPh sb="3" eb="7">
      <t>テラオホンチョウ</t>
    </rPh>
    <phoneticPr fontId="1"/>
  </si>
  <si>
    <t>春日幼稚園</t>
    <rPh sb="0" eb="2">
      <t>カスガ</t>
    </rPh>
    <rPh sb="2" eb="5">
      <t>ヨウチエン</t>
    </rPh>
    <phoneticPr fontId="1"/>
  </si>
  <si>
    <t>綾瀬市吉岡1360</t>
    <rPh sb="0" eb="3">
      <t>アヤセシ</t>
    </rPh>
    <rPh sb="3" eb="5">
      <t>ヨシオカ</t>
    </rPh>
    <phoneticPr fontId="1"/>
  </si>
  <si>
    <t>0467-78-2320</t>
    <phoneticPr fontId="1"/>
  </si>
  <si>
    <t>綾南幼稚園</t>
    <rPh sb="0" eb="2">
      <t>リョウナン</t>
    </rPh>
    <rPh sb="2" eb="5">
      <t>ヨウチエン</t>
    </rPh>
    <phoneticPr fontId="1"/>
  </si>
  <si>
    <t>綾瀬市上土棚中1-10-6</t>
    <rPh sb="0" eb="3">
      <t>アヤセシ</t>
    </rPh>
    <rPh sb="3" eb="6">
      <t>カミツチダナ</t>
    </rPh>
    <rPh sb="6" eb="7">
      <t>ナカ</t>
    </rPh>
    <phoneticPr fontId="1"/>
  </si>
  <si>
    <t>0467-76-0007</t>
    <phoneticPr fontId="1"/>
  </si>
  <si>
    <t>綾西幼稚園</t>
    <rPh sb="0" eb="2">
      <t>リョウセイ</t>
    </rPh>
    <rPh sb="2" eb="5">
      <t>ヨウチエン</t>
    </rPh>
    <phoneticPr fontId="1"/>
  </si>
  <si>
    <t>綾瀬市吉岡1526</t>
    <rPh sb="0" eb="3">
      <t>アヤセシ</t>
    </rPh>
    <rPh sb="3" eb="5">
      <t>ヨシオカ</t>
    </rPh>
    <phoneticPr fontId="1"/>
  </si>
  <si>
    <t>0467-78-5012</t>
    <phoneticPr fontId="1"/>
  </si>
  <si>
    <t>綾瀬中央幼稚園</t>
    <rPh sb="0" eb="2">
      <t>アヤセ</t>
    </rPh>
    <rPh sb="2" eb="4">
      <t>チュウオウ</t>
    </rPh>
    <rPh sb="4" eb="7">
      <t>ヨウチエン</t>
    </rPh>
    <phoneticPr fontId="1"/>
  </si>
  <si>
    <t>綾瀬市深谷上6-12-43</t>
    <rPh sb="0" eb="3">
      <t>アヤセシ</t>
    </rPh>
    <rPh sb="3" eb="5">
      <t>フカヤ</t>
    </rPh>
    <rPh sb="5" eb="6">
      <t>ウエ</t>
    </rPh>
    <phoneticPr fontId="1"/>
  </si>
  <si>
    <t>0467-76-2920</t>
    <phoneticPr fontId="1"/>
  </si>
  <si>
    <t>ドレーパー記念幼稚園</t>
    <rPh sb="5" eb="7">
      <t>キネン</t>
    </rPh>
    <rPh sb="7" eb="10">
      <t>ヨウチエン</t>
    </rPh>
    <phoneticPr fontId="1"/>
  </si>
  <si>
    <t>綾瀬市寺尾北2-17-47</t>
    <rPh sb="0" eb="3">
      <t>アヤセシ</t>
    </rPh>
    <rPh sb="3" eb="5">
      <t>テラオ</t>
    </rPh>
    <rPh sb="5" eb="6">
      <t>キタ</t>
    </rPh>
    <phoneticPr fontId="1"/>
  </si>
  <si>
    <t>0467-78-1550</t>
    <phoneticPr fontId="1"/>
  </si>
  <si>
    <t>寒川町</t>
    <rPh sb="0" eb="3">
      <t>サムカワマチ</t>
    </rPh>
    <phoneticPr fontId="1"/>
  </si>
  <si>
    <t>〇</t>
    <phoneticPr fontId="1"/>
  </si>
  <si>
    <t>寒川さくら幼稚園</t>
    <rPh sb="0" eb="2">
      <t>サムカワ</t>
    </rPh>
    <rPh sb="5" eb="8">
      <t>ヨウチエン</t>
    </rPh>
    <phoneticPr fontId="1"/>
  </si>
  <si>
    <t>0467-75-0725</t>
    <phoneticPr fontId="1"/>
  </si>
  <si>
    <t>湘南こども園</t>
    <rPh sb="0" eb="2">
      <t>ショウナン</t>
    </rPh>
    <rPh sb="5" eb="6">
      <t>エン</t>
    </rPh>
    <phoneticPr fontId="1"/>
  </si>
  <si>
    <t>0467-84-9229</t>
    <phoneticPr fontId="1"/>
  </si>
  <si>
    <t>一之宮相和幼稚園</t>
    <phoneticPr fontId="1"/>
  </si>
  <si>
    <t>0467-74-3754</t>
    <phoneticPr fontId="1"/>
  </si>
  <si>
    <t>倉見幼稚園</t>
    <phoneticPr fontId="1"/>
  </si>
  <si>
    <t>0467-75-6689</t>
    <phoneticPr fontId="1"/>
  </si>
  <si>
    <t>大磯町</t>
    <rPh sb="0" eb="3">
      <t>オオイソマチ</t>
    </rPh>
    <phoneticPr fontId="1"/>
  </si>
  <si>
    <t>たかとり幼稚園</t>
    <rPh sb="4" eb="7">
      <t>ヨウチエン</t>
    </rPh>
    <phoneticPr fontId="1"/>
  </si>
  <si>
    <t>こいそ幼稚園</t>
    <rPh sb="3" eb="6">
      <t>ヨウチエン</t>
    </rPh>
    <phoneticPr fontId="1"/>
  </si>
  <si>
    <t>0463-61-4093</t>
    <phoneticPr fontId="1"/>
  </si>
  <si>
    <t>二宮町</t>
    <rPh sb="0" eb="2">
      <t>ニノミヤ</t>
    </rPh>
    <rPh sb="2" eb="3">
      <t>マチ</t>
    </rPh>
    <phoneticPr fontId="1"/>
  </si>
  <si>
    <t>二宮めぐみ幼稚園</t>
    <rPh sb="0" eb="2">
      <t>ニノミヤ</t>
    </rPh>
    <rPh sb="5" eb="8">
      <t>ヨウチエン</t>
    </rPh>
    <phoneticPr fontId="1"/>
  </si>
  <si>
    <t>0463-71-0570</t>
    <phoneticPr fontId="1"/>
  </si>
  <si>
    <t>海の星幼稚園</t>
    <rPh sb="0" eb="1">
      <t>ウミ</t>
    </rPh>
    <rPh sb="2" eb="3">
      <t>ホシ</t>
    </rPh>
    <rPh sb="3" eb="6">
      <t>ヨウチエン</t>
    </rPh>
    <phoneticPr fontId="1"/>
  </si>
  <si>
    <t>二宮育美幼稚園</t>
    <rPh sb="0" eb="2">
      <t>ニノミヤ</t>
    </rPh>
    <rPh sb="2" eb="4">
      <t>イクミ</t>
    </rPh>
    <rPh sb="4" eb="7">
      <t>ヨウチエン</t>
    </rPh>
    <phoneticPr fontId="1"/>
  </si>
  <si>
    <t>0463-71-0350</t>
    <phoneticPr fontId="1"/>
  </si>
  <si>
    <t>二宮みどり幼稚園</t>
    <rPh sb="0" eb="2">
      <t>ニノミヤ</t>
    </rPh>
    <rPh sb="5" eb="8">
      <t>ヨウチエン</t>
    </rPh>
    <phoneticPr fontId="1"/>
  </si>
  <si>
    <t>0463-72-1990</t>
    <phoneticPr fontId="1"/>
  </si>
  <si>
    <t>梅の木幼稚園</t>
    <rPh sb="0" eb="1">
      <t>ウメ</t>
    </rPh>
    <rPh sb="2" eb="3">
      <t>キ</t>
    </rPh>
    <rPh sb="3" eb="6">
      <t>ヨウチエン</t>
    </rPh>
    <phoneticPr fontId="1"/>
  </si>
  <si>
    <t>0463-73-2525</t>
    <phoneticPr fontId="1"/>
  </si>
  <si>
    <t>大井町</t>
    <rPh sb="0" eb="3">
      <t>オオイマチ</t>
    </rPh>
    <phoneticPr fontId="1"/>
  </si>
  <si>
    <t>0465-82-3656</t>
    <phoneticPr fontId="1"/>
  </si>
  <si>
    <t>0465-82-3650</t>
    <phoneticPr fontId="1"/>
  </si>
  <si>
    <t>0465-83-0545</t>
    <phoneticPr fontId="1"/>
  </si>
  <si>
    <t>山北町</t>
    <rPh sb="0" eb="3">
      <t>ヤマキタマチ</t>
    </rPh>
    <phoneticPr fontId="1"/>
  </si>
  <si>
    <t>山北町立岸幼稚園</t>
    <rPh sb="0" eb="2">
      <t>ヤマキタ</t>
    </rPh>
    <rPh sb="2" eb="4">
      <t>チョウリツ</t>
    </rPh>
    <rPh sb="4" eb="5">
      <t>キシ</t>
    </rPh>
    <rPh sb="5" eb="8">
      <t>ヨウチエン</t>
    </rPh>
    <phoneticPr fontId="1"/>
  </si>
  <si>
    <t>0465-75-1145</t>
    <phoneticPr fontId="1"/>
  </si>
  <si>
    <t>愛川町</t>
    <rPh sb="0" eb="3">
      <t>アイカワマチ</t>
    </rPh>
    <phoneticPr fontId="1"/>
  </si>
  <si>
    <t>046-285-1650</t>
    <phoneticPr fontId="1"/>
  </si>
  <si>
    <t>春日台幼稚園</t>
    <rPh sb="0" eb="3">
      <t>カスガダイ</t>
    </rPh>
    <rPh sb="3" eb="6">
      <t>ヨウチエン</t>
    </rPh>
    <phoneticPr fontId="1"/>
  </si>
  <si>
    <t>046-285-0074</t>
    <phoneticPr fontId="1"/>
  </si>
  <si>
    <t>認定こども園愛川幼稚園</t>
    <rPh sb="0" eb="2">
      <t>ニンテイ</t>
    </rPh>
    <rPh sb="5" eb="6">
      <t>エン</t>
    </rPh>
    <rPh sb="6" eb="8">
      <t>アイカワ</t>
    </rPh>
    <rPh sb="8" eb="11">
      <t>ヨウチエン</t>
    </rPh>
    <phoneticPr fontId="1"/>
  </si>
  <si>
    <t>046-281-1237</t>
    <phoneticPr fontId="1"/>
  </si>
  <si>
    <t>認可外保育
利用の無償化の可否※</t>
    <rPh sb="0" eb="3">
      <t>ニンカガイ</t>
    </rPh>
    <rPh sb="3" eb="5">
      <t>ホイク</t>
    </rPh>
    <rPh sb="6" eb="8">
      <t>リヨウ</t>
    </rPh>
    <rPh sb="9" eb="12">
      <t>ムショウカ</t>
    </rPh>
    <rPh sb="13" eb="15">
      <t>カヒ</t>
    </rPh>
    <phoneticPr fontId="1"/>
  </si>
  <si>
    <t>平塚市下島824</t>
    <rPh sb="0" eb="2">
      <t>ヒラツカ</t>
    </rPh>
    <rPh sb="2" eb="3">
      <t>シ</t>
    </rPh>
    <phoneticPr fontId="1"/>
  </si>
  <si>
    <t>平塚市纒100-2</t>
    <rPh sb="0" eb="2">
      <t>ヒラツカ</t>
    </rPh>
    <rPh sb="2" eb="3">
      <t>シ</t>
    </rPh>
    <phoneticPr fontId="1"/>
  </si>
  <si>
    <t>平塚市東八幡1-16-39</t>
    <rPh sb="0" eb="2">
      <t>ヒラツカ</t>
    </rPh>
    <rPh sb="2" eb="3">
      <t>シ</t>
    </rPh>
    <phoneticPr fontId="1"/>
  </si>
  <si>
    <t>平塚市真田4-10-15</t>
    <rPh sb="0" eb="2">
      <t>ヒラツカ</t>
    </rPh>
    <rPh sb="2" eb="3">
      <t>シ</t>
    </rPh>
    <phoneticPr fontId="1"/>
  </si>
  <si>
    <t>平塚市浅間町1-6</t>
    <rPh sb="0" eb="2">
      <t>ヒラツカ</t>
    </rPh>
    <rPh sb="2" eb="3">
      <t>シ</t>
    </rPh>
    <rPh sb="3" eb="6">
      <t>センゲンチョウ</t>
    </rPh>
    <phoneticPr fontId="1"/>
  </si>
  <si>
    <t>平塚市見附町6-18</t>
    <rPh sb="0" eb="2">
      <t>ヒラツカ</t>
    </rPh>
    <rPh sb="2" eb="3">
      <t>シ</t>
    </rPh>
    <rPh sb="3" eb="6">
      <t>ミツケチョウ</t>
    </rPh>
    <phoneticPr fontId="1"/>
  </si>
  <si>
    <t>平塚市出縄195</t>
    <rPh sb="0" eb="2">
      <t>ヒラツカ</t>
    </rPh>
    <rPh sb="2" eb="3">
      <t>シ</t>
    </rPh>
    <rPh sb="3" eb="5">
      <t>イデナワ</t>
    </rPh>
    <phoneticPr fontId="1"/>
  </si>
  <si>
    <t>大磯町大磯942</t>
    <rPh sb="0" eb="3">
      <t>オオイソマチ</t>
    </rPh>
    <rPh sb="3" eb="5">
      <t>オオイソ</t>
    </rPh>
    <phoneticPr fontId="1"/>
  </si>
  <si>
    <t>大磯町西小磯286-10</t>
    <rPh sb="0" eb="3">
      <t>オオイソマチ</t>
    </rPh>
    <rPh sb="3" eb="4">
      <t>ニシ</t>
    </rPh>
    <rPh sb="4" eb="6">
      <t>コイソ</t>
    </rPh>
    <phoneticPr fontId="1"/>
  </si>
  <si>
    <t>二宮町二宮92</t>
    <rPh sb="0" eb="3">
      <t>ニノミヤマチ</t>
    </rPh>
    <rPh sb="3" eb="5">
      <t>ニノミヤ</t>
    </rPh>
    <phoneticPr fontId="1"/>
  </si>
  <si>
    <t>二宮町二宮88</t>
    <rPh sb="0" eb="3">
      <t>ニノミヤマチ</t>
    </rPh>
    <rPh sb="3" eb="5">
      <t>ニノミヤ</t>
    </rPh>
    <phoneticPr fontId="1"/>
  </si>
  <si>
    <t>二宮町百合が丘2-2-2</t>
    <rPh sb="0" eb="3">
      <t>ニノミヤマチ</t>
    </rPh>
    <rPh sb="3" eb="5">
      <t>ユリ</t>
    </rPh>
    <rPh sb="6" eb="7">
      <t>オカ</t>
    </rPh>
    <phoneticPr fontId="1"/>
  </si>
  <si>
    <t>二宮町山西1577</t>
    <rPh sb="0" eb="3">
      <t>ニノミヤマチ</t>
    </rPh>
    <rPh sb="3" eb="5">
      <t>ヤマニシ</t>
    </rPh>
    <phoneticPr fontId="1"/>
  </si>
  <si>
    <t>二宮町一色724</t>
    <rPh sb="0" eb="3">
      <t>ニノミヤマチ</t>
    </rPh>
    <rPh sb="3" eb="5">
      <t>イッシキ</t>
    </rPh>
    <phoneticPr fontId="1"/>
  </si>
  <si>
    <t>大井町山田566番地</t>
    <rPh sb="0" eb="3">
      <t>オオイマチ</t>
    </rPh>
    <rPh sb="3" eb="5">
      <t>ヤマダ</t>
    </rPh>
    <rPh sb="8" eb="10">
      <t>バンチ</t>
    </rPh>
    <phoneticPr fontId="1"/>
  </si>
  <si>
    <t>大井町金手451番地1</t>
    <rPh sb="0" eb="3">
      <t>オオイマチ</t>
    </rPh>
    <rPh sb="3" eb="4">
      <t>カネ</t>
    </rPh>
    <rPh sb="4" eb="5">
      <t>テ</t>
    </rPh>
    <rPh sb="8" eb="10">
      <t>バンチ</t>
    </rPh>
    <phoneticPr fontId="1"/>
  </si>
  <si>
    <t>大井町金子1270番地1</t>
    <rPh sb="9" eb="11">
      <t>バンチ</t>
    </rPh>
    <phoneticPr fontId="1"/>
  </si>
  <si>
    <t>山北町岸1995番地</t>
    <rPh sb="0" eb="3">
      <t>ヤマキタマチ</t>
    </rPh>
    <rPh sb="3" eb="4">
      <t>キシ</t>
    </rPh>
    <rPh sb="8" eb="10">
      <t>バンチ</t>
    </rPh>
    <phoneticPr fontId="1"/>
  </si>
  <si>
    <t>愛川町中津2217</t>
    <rPh sb="0" eb="3">
      <t>アイカワマチ</t>
    </rPh>
    <rPh sb="3" eb="5">
      <t>ナカツ</t>
    </rPh>
    <phoneticPr fontId="1"/>
  </si>
  <si>
    <t>愛川町春日台3-6-36</t>
    <rPh sb="3" eb="6">
      <t>カスガダイ</t>
    </rPh>
    <phoneticPr fontId="1"/>
  </si>
  <si>
    <t>愛川町角田4369-47</t>
    <rPh sb="3" eb="5">
      <t>スミダ</t>
    </rPh>
    <phoneticPr fontId="1"/>
  </si>
  <si>
    <t>大和市</t>
  </si>
  <si>
    <t>でんえん幼稚園</t>
  </si>
  <si>
    <t>大和市中央林間9-13-24</t>
  </si>
  <si>
    <t>046-274-4458</t>
  </si>
  <si>
    <t>聖セシリア幼稚園</t>
  </si>
  <si>
    <t>大和市南林間3-10-1</t>
  </si>
  <si>
    <t>046-275-8036</t>
  </si>
  <si>
    <t>大和山王幼稚園</t>
  </si>
  <si>
    <t>大和市下鶴間2919</t>
  </si>
  <si>
    <t>046-274-0474</t>
  </si>
  <si>
    <t>ふかみ幼稚園</t>
  </si>
  <si>
    <t>大和市深見東3-5-16</t>
  </si>
  <si>
    <t>046-264-1560</t>
  </si>
  <si>
    <t>大和幼稚園</t>
  </si>
  <si>
    <t>大和市大和東1-7-16</t>
  </si>
  <si>
    <t>046-263-5001</t>
  </si>
  <si>
    <t>大和あけぼの幼稚園</t>
  </si>
  <si>
    <t>大和市下和田32</t>
  </si>
  <si>
    <t>046-267-6611</t>
  </si>
  <si>
    <t>認定こども園
中央林間幼稚園</t>
  </si>
  <si>
    <t>大和市中央林間6-7-13</t>
  </si>
  <si>
    <t>046-274-1177</t>
  </si>
  <si>
    <t>認定こども園
高座みどり幼稚園</t>
  </si>
  <si>
    <t>大和市南林間2-14-8</t>
  </si>
  <si>
    <t>046-274-0372</t>
  </si>
  <si>
    <t>松原学園幼稚園</t>
  </si>
  <si>
    <t>大和市中央林間1-22-20</t>
  </si>
  <si>
    <t>046-274-1224</t>
  </si>
  <si>
    <t>大和市中央5-9-5</t>
  </si>
  <si>
    <t>046-262-1068</t>
  </si>
  <si>
    <t>大和小鳩幼稚園</t>
  </si>
  <si>
    <t>大和市大和南2-5-19</t>
  </si>
  <si>
    <t>046-263-2333</t>
  </si>
  <si>
    <t>大和桜ヶ丘幼稚園</t>
  </si>
  <si>
    <t>大和市上和田936</t>
  </si>
  <si>
    <t>046-267-0165</t>
  </si>
  <si>
    <t>海老名市</t>
    <rPh sb="0" eb="4">
      <t>エビナシ</t>
    </rPh>
    <phoneticPr fontId="1"/>
  </si>
  <si>
    <t>旭たちばな幼稚園</t>
    <rPh sb="0" eb="1">
      <t>アサヒ</t>
    </rPh>
    <rPh sb="5" eb="8">
      <t>ヨウチエン</t>
    </rPh>
    <phoneticPr fontId="1"/>
  </si>
  <si>
    <t>海老名市浜田町23番26号</t>
    <rPh sb="0" eb="4">
      <t>エビナシ</t>
    </rPh>
    <rPh sb="4" eb="7">
      <t>ハマダチョウ</t>
    </rPh>
    <rPh sb="9" eb="10">
      <t>バン</t>
    </rPh>
    <rPh sb="12" eb="13">
      <t>ゴウ</t>
    </rPh>
    <phoneticPr fontId="1"/>
  </si>
  <si>
    <t>046-232-0992</t>
  </si>
  <si>
    <t>有鹿幼稚園</t>
    <rPh sb="0" eb="1">
      <t>アリ</t>
    </rPh>
    <rPh sb="1" eb="2">
      <t>シカ</t>
    </rPh>
    <rPh sb="2" eb="5">
      <t>ヨウチエン</t>
    </rPh>
    <phoneticPr fontId="1"/>
  </si>
  <si>
    <t>046-231-0104</t>
  </si>
  <si>
    <t>海老名幼稚園</t>
    <rPh sb="0" eb="3">
      <t>エビナ</t>
    </rPh>
    <rPh sb="3" eb="6">
      <t>ヨウチエン</t>
    </rPh>
    <phoneticPr fontId="1"/>
  </si>
  <si>
    <t>海老名みなみ幼稚園</t>
    <rPh sb="0" eb="3">
      <t>エビナ</t>
    </rPh>
    <rPh sb="6" eb="9">
      <t>ヨウチエン</t>
    </rPh>
    <phoneticPr fontId="1"/>
  </si>
  <si>
    <t>046-232-8922</t>
  </si>
  <si>
    <t>慶泉幼稚園</t>
    <rPh sb="0" eb="1">
      <t>ケイ</t>
    </rPh>
    <rPh sb="1" eb="2">
      <t>セン</t>
    </rPh>
    <rPh sb="2" eb="5">
      <t>ヨウチエン</t>
    </rPh>
    <phoneticPr fontId="1"/>
  </si>
  <si>
    <t>046-233-1835</t>
  </si>
  <si>
    <t>相模みのり幼稚園</t>
    <rPh sb="0" eb="2">
      <t>サガミ</t>
    </rPh>
    <rPh sb="5" eb="8">
      <t>ヨウチエン</t>
    </rPh>
    <phoneticPr fontId="1"/>
  </si>
  <si>
    <t>海老名市本郷3286番地</t>
    <rPh sb="0" eb="4">
      <t>エビナシ</t>
    </rPh>
    <rPh sb="4" eb="6">
      <t>ホンゴウ</t>
    </rPh>
    <rPh sb="10" eb="12">
      <t>バンチ</t>
    </rPh>
    <phoneticPr fontId="1"/>
  </si>
  <si>
    <t>046-238-0572</t>
  </si>
  <si>
    <t>さくらい幼稚園</t>
    <rPh sb="4" eb="7">
      <t>ヨウチエン</t>
    </rPh>
    <phoneticPr fontId="1"/>
  </si>
  <si>
    <t>046-232-2525</t>
  </si>
  <si>
    <t>海老名市柏ケ谷263番地</t>
    <rPh sb="0" eb="4">
      <t>エビナシ</t>
    </rPh>
    <rPh sb="4" eb="7">
      <t>カシワガヤ</t>
    </rPh>
    <rPh sb="10" eb="12">
      <t>バンチ</t>
    </rPh>
    <phoneticPr fontId="1"/>
  </si>
  <si>
    <t>厚木さくら幼稚園</t>
  </si>
  <si>
    <t>厚木市関口919</t>
  </si>
  <si>
    <t>046-245-0856</t>
  </si>
  <si>
    <t>厚木市</t>
  </si>
  <si>
    <t>伊勢宮幼稚園</t>
  </si>
  <si>
    <t>046-241-0944</t>
  </si>
  <si>
    <t>えいすう幼稚園</t>
  </si>
  <si>
    <t>046-221-0115</t>
  </si>
  <si>
    <t>清和幼稚園</t>
  </si>
  <si>
    <t>046-228-1626</t>
  </si>
  <si>
    <t>とびお幼稚園</t>
  </si>
  <si>
    <t>046-241-6611</t>
  </si>
  <si>
    <t>光ケ丘幼稚園</t>
  </si>
  <si>
    <t>046-222-2561</t>
  </si>
  <si>
    <t>七沢幼稚園</t>
  </si>
  <si>
    <t>厚木市七沢590</t>
  </si>
  <si>
    <t>046-247-3175</t>
  </si>
  <si>
    <t>ぬるみず幼稚園</t>
  </si>
  <si>
    <t>厚木市温水1134</t>
  </si>
  <si>
    <t>046-247-9252</t>
  </si>
  <si>
    <t>森の里幼稚園</t>
  </si>
  <si>
    <t>厚木市森の里１-30-１</t>
  </si>
  <si>
    <t>046-248-6891</t>
  </si>
  <si>
    <t>厚木田園幼稚園</t>
  </si>
  <si>
    <t>厚木市三田1303</t>
  </si>
  <si>
    <t>046-223-7543</t>
  </si>
  <si>
    <t>はやし幼稚園</t>
  </si>
  <si>
    <t>046-223-0710</t>
  </si>
  <si>
    <t>厚木緑ヶ丘幼稚園</t>
  </si>
  <si>
    <t>046-221-0242</t>
  </si>
  <si>
    <t>厚木幼稚園</t>
  </si>
  <si>
    <t>046-229-0491</t>
  </si>
  <si>
    <t>厚木のぞみ幼稚園</t>
  </si>
  <si>
    <t>046-224-6841</t>
  </si>
  <si>
    <t>小鮎幼稚園</t>
  </si>
  <si>
    <t>046-241-1423</t>
  </si>
  <si>
    <t>ちぐさ幼稚園</t>
  </si>
  <si>
    <t>046-221-0730</t>
  </si>
  <si>
    <t>厚木たちばな幼稚園</t>
  </si>
  <si>
    <t>厚木市棚沢63</t>
  </si>
  <si>
    <t>046-241-3588</t>
  </si>
  <si>
    <t>開成町</t>
    <rPh sb="0" eb="3">
      <t>カイセイマチ</t>
    </rPh>
    <phoneticPr fontId="1"/>
  </si>
  <si>
    <t>0465-82-4247</t>
  </si>
  <si>
    <t>伊勢原市</t>
    <rPh sb="0" eb="4">
      <t>イセハラシ</t>
    </rPh>
    <phoneticPr fontId="1"/>
  </si>
  <si>
    <t>伊勢原市下糟屋111</t>
    <rPh sb="0" eb="4">
      <t>イセハラシ</t>
    </rPh>
    <rPh sb="4" eb="7">
      <t>シモカスヤ</t>
    </rPh>
    <phoneticPr fontId="1"/>
  </si>
  <si>
    <t>0463-94-5900</t>
  </si>
  <si>
    <t>伊勢原市沼目6-1209</t>
    <rPh sb="0" eb="4">
      <t>イセハラシ</t>
    </rPh>
    <rPh sb="4" eb="6">
      <t>ヌマメ</t>
    </rPh>
    <phoneticPr fontId="1"/>
  </si>
  <si>
    <t>0463-93-8992</t>
  </si>
  <si>
    <t>伊勢原市三ノ宮468</t>
    <rPh sb="0" eb="4">
      <t>イセハラシ</t>
    </rPh>
    <rPh sb="4" eb="5">
      <t>サン</t>
    </rPh>
    <rPh sb="6" eb="7">
      <t>ミヤ</t>
    </rPh>
    <phoneticPr fontId="1"/>
  </si>
  <si>
    <t>0463-95-4550</t>
  </si>
  <si>
    <t>認定こども園伊勢原幼稚園</t>
    <rPh sb="0" eb="2">
      <t>ニンテイ</t>
    </rPh>
    <rPh sb="5" eb="6">
      <t>エン</t>
    </rPh>
    <rPh sb="6" eb="12">
      <t>イセハラヨウチエン</t>
    </rPh>
    <phoneticPr fontId="1"/>
  </si>
  <si>
    <t>伊勢原市伊勢原3-10-5</t>
    <rPh sb="0" eb="4">
      <t>イセハラシ</t>
    </rPh>
    <rPh sb="4" eb="7">
      <t>イセハラ</t>
    </rPh>
    <phoneticPr fontId="1"/>
  </si>
  <si>
    <t>0463-95-0326</t>
  </si>
  <si>
    <t>認定こども園伊勢原白百合幼稚園</t>
    <rPh sb="0" eb="2">
      <t>ニンテイ</t>
    </rPh>
    <rPh sb="5" eb="6">
      <t>エン</t>
    </rPh>
    <rPh sb="6" eb="9">
      <t>イセハラ</t>
    </rPh>
    <rPh sb="9" eb="15">
      <t>シラユリヨウチエン</t>
    </rPh>
    <phoneticPr fontId="1"/>
  </si>
  <si>
    <t>伊勢原市池端536</t>
    <rPh sb="0" eb="4">
      <t>イセハラシ</t>
    </rPh>
    <rPh sb="4" eb="6">
      <t>イケバタ</t>
    </rPh>
    <phoneticPr fontId="1"/>
  </si>
  <si>
    <t>0463-94-1192</t>
  </si>
  <si>
    <t>認定こども園伊勢原みのり幼稚園</t>
    <rPh sb="0" eb="2">
      <t>ニンテイ</t>
    </rPh>
    <rPh sb="5" eb="6">
      <t>エン</t>
    </rPh>
    <rPh sb="6" eb="9">
      <t>イセハラ</t>
    </rPh>
    <rPh sb="12" eb="15">
      <t>ヨウチエン</t>
    </rPh>
    <phoneticPr fontId="1"/>
  </si>
  <si>
    <t>伊勢原市岡崎6994-3</t>
    <rPh sb="0" eb="4">
      <t>イセハラシ</t>
    </rPh>
    <phoneticPr fontId="1"/>
  </si>
  <si>
    <t>0463-93-2918</t>
  </si>
  <si>
    <t>認定こども園中央マドカ幼稚園</t>
    <rPh sb="0" eb="2">
      <t>ニンテイ</t>
    </rPh>
    <rPh sb="5" eb="6">
      <t>エン</t>
    </rPh>
    <rPh sb="6" eb="8">
      <t>チュウオウ</t>
    </rPh>
    <rPh sb="11" eb="14">
      <t>ヨウチエン</t>
    </rPh>
    <phoneticPr fontId="1"/>
  </si>
  <si>
    <t>伊勢原市他高森446-1</t>
    <rPh sb="0" eb="4">
      <t>イセハラシ</t>
    </rPh>
    <rPh sb="4" eb="5">
      <t>タ</t>
    </rPh>
    <rPh sb="5" eb="7">
      <t>タカモリ</t>
    </rPh>
    <phoneticPr fontId="1"/>
  </si>
  <si>
    <t>0463-93-7509</t>
  </si>
  <si>
    <t>伊勢原市東大竹1377</t>
    <rPh sb="0" eb="4">
      <t>イセハラシ</t>
    </rPh>
    <rPh sb="4" eb="5">
      <t>ヒガシ</t>
    </rPh>
    <rPh sb="5" eb="7">
      <t>オオタケ</t>
    </rPh>
    <phoneticPr fontId="1"/>
  </si>
  <si>
    <t>0463-92-8882</t>
  </si>
  <si>
    <t>伊勢原市板戸623</t>
    <rPh sb="0" eb="4">
      <t>イセハラシ</t>
    </rPh>
    <rPh sb="4" eb="6">
      <t>イタド</t>
    </rPh>
    <phoneticPr fontId="1"/>
  </si>
  <si>
    <t>0463-93-4950</t>
  </si>
  <si>
    <t>成瀬幼稚園</t>
    <rPh sb="0" eb="2">
      <t>ナルセ</t>
    </rPh>
    <rPh sb="2" eb="5">
      <t>ヨウチエン</t>
    </rPh>
    <phoneticPr fontId="1"/>
  </si>
  <si>
    <t>伊勢原市高森2-19-12</t>
    <rPh sb="0" eb="4">
      <t>イセハラシ</t>
    </rPh>
    <rPh sb="4" eb="6">
      <t>タカモリ</t>
    </rPh>
    <phoneticPr fontId="1"/>
  </si>
  <si>
    <t>0463-93-1391</t>
  </si>
  <si>
    <t>葉山町</t>
    <rPh sb="0" eb="3">
      <t>ハヤママチ</t>
    </rPh>
    <phoneticPr fontId="1"/>
  </si>
  <si>
    <t>明照幼稚園</t>
    <rPh sb="0" eb="2">
      <t>メイショウ</t>
    </rPh>
    <rPh sb="2" eb="5">
      <t>ヨウチエン</t>
    </rPh>
    <phoneticPr fontId="5"/>
  </si>
  <si>
    <t>葉山町堀内570-4</t>
    <rPh sb="0" eb="3">
      <t>ハヤママチ</t>
    </rPh>
    <rPh sb="3" eb="5">
      <t>ホリウチ</t>
    </rPh>
    <phoneticPr fontId="5"/>
  </si>
  <si>
    <t>046-875-1426</t>
  </si>
  <si>
    <t>046-878-8725</t>
  </si>
  <si>
    <t>あけの星幼稚園</t>
    <rPh sb="3" eb="4">
      <t>ホシ</t>
    </rPh>
    <rPh sb="4" eb="7">
      <t>ヨウチエン</t>
    </rPh>
    <phoneticPr fontId="5"/>
  </si>
  <si>
    <t>046-875-2762</t>
  </si>
  <si>
    <t>046-875-3330</t>
  </si>
  <si>
    <t>御国幼稚園</t>
    <rPh sb="0" eb="1">
      <t>オン</t>
    </rPh>
    <rPh sb="1" eb="2">
      <t>クニ</t>
    </rPh>
    <rPh sb="2" eb="5">
      <t>ヨウチエン</t>
    </rPh>
    <phoneticPr fontId="5"/>
  </si>
  <si>
    <t>046-852-0392</t>
  </si>
  <si>
    <t>松田町</t>
    <rPh sb="0" eb="3">
      <t>マツダマチ</t>
    </rPh>
    <phoneticPr fontId="1"/>
  </si>
  <si>
    <t>松田町立松田幼稚園</t>
    <rPh sb="0" eb="2">
      <t>マツダ</t>
    </rPh>
    <rPh sb="2" eb="4">
      <t>チョウリツ</t>
    </rPh>
    <rPh sb="4" eb="6">
      <t>マツダ</t>
    </rPh>
    <rPh sb="6" eb="9">
      <t>ヨウチエン</t>
    </rPh>
    <phoneticPr fontId="1"/>
  </si>
  <si>
    <t>0465-83-2517</t>
    <phoneticPr fontId="1"/>
  </si>
  <si>
    <t>×</t>
    <phoneticPr fontId="1"/>
  </si>
  <si>
    <t>松田町立寄幼稚園</t>
    <rPh sb="0" eb="2">
      <t>マツダ</t>
    </rPh>
    <rPh sb="2" eb="4">
      <t>チョウリツ</t>
    </rPh>
    <rPh sb="4" eb="5">
      <t>ヤドリキ</t>
    </rPh>
    <rPh sb="5" eb="8">
      <t>ヨウチエン</t>
    </rPh>
    <phoneticPr fontId="1"/>
  </si>
  <si>
    <t>0465-89-2452</t>
    <phoneticPr fontId="1"/>
  </si>
  <si>
    <t>相模原市</t>
    <rPh sb="0" eb="4">
      <t>サガミハラシ</t>
    </rPh>
    <phoneticPr fontId="1"/>
  </si>
  <si>
    <t>〇</t>
    <phoneticPr fontId="1"/>
  </si>
  <si>
    <t>相模原市立相模湖こども園</t>
    <rPh sb="5" eb="7">
      <t>サガミ</t>
    </rPh>
    <rPh sb="7" eb="8">
      <t>コ</t>
    </rPh>
    <rPh sb="11" eb="12">
      <t>エン</t>
    </rPh>
    <phoneticPr fontId="9"/>
  </si>
  <si>
    <t>042-684-3025</t>
  </si>
  <si>
    <t>〇</t>
    <phoneticPr fontId="1"/>
  </si>
  <si>
    <t>〇</t>
    <phoneticPr fontId="1"/>
  </si>
  <si>
    <t>042-687-5222</t>
  </si>
  <si>
    <t>042-773-0730</t>
  </si>
  <si>
    <t>上田名幼稚園</t>
  </si>
  <si>
    <t>042-761-6856</t>
  </si>
  <si>
    <t>042-743-3597</t>
  </si>
  <si>
    <t>×</t>
    <phoneticPr fontId="1"/>
  </si>
  <si>
    <t>042-762-4389</t>
  </si>
  <si>
    <t>×</t>
    <phoneticPr fontId="1"/>
  </si>
  <si>
    <t>042-761-3464</t>
  </si>
  <si>
    <t>042-762-3633</t>
  </si>
  <si>
    <t>042-756-1218</t>
  </si>
  <si>
    <t>042-773-8241</t>
  </si>
  <si>
    <t>042-782-8185</t>
  </si>
  <si>
    <t>けやきの子幼稚園</t>
  </si>
  <si>
    <t>042-778-3704</t>
  </si>
  <si>
    <t>042-778-2846</t>
  </si>
  <si>
    <t>相模栄光幼稚園</t>
  </si>
  <si>
    <t>042-752-8040</t>
  </si>
  <si>
    <t>相模白ゆり幼稚園</t>
    <phoneticPr fontId="10"/>
  </si>
  <si>
    <t>042-752-2328</t>
  </si>
  <si>
    <t>042-742-1445</t>
  </si>
  <si>
    <t>042-744-0503</t>
  </si>
  <si>
    <t>042-753-2196</t>
  </si>
  <si>
    <t>042-742-3479</t>
  </si>
  <si>
    <t>042-744-0220</t>
  </si>
  <si>
    <t>相模翠ヶ丘幼稚園</t>
  </si>
  <si>
    <t>042-742-1593</t>
  </si>
  <si>
    <t>042-742-8227</t>
  </si>
  <si>
    <t>042-784-5133</t>
  </si>
  <si>
    <t>042-772-2915</t>
  </si>
  <si>
    <t>042-772-0926</t>
  </si>
  <si>
    <t>相模原みどり幼稚園</t>
  </si>
  <si>
    <t>042-772-4610</t>
  </si>
  <si>
    <t>042-755-5603</t>
  </si>
  <si>
    <t>ばらの花幼稚園</t>
  </si>
  <si>
    <t>042-784-0181</t>
  </si>
  <si>
    <t>×</t>
    <phoneticPr fontId="1"/>
  </si>
  <si>
    <t>清心幼稚園</t>
  </si>
  <si>
    <t>042-754-5290</t>
  </si>
  <si>
    <t>誠心第一幼稚園</t>
  </si>
  <si>
    <t>042-748-8735</t>
  </si>
  <si>
    <t>誠心第二幼稚園</t>
  </si>
  <si>
    <t>042-743-0403</t>
  </si>
  <si>
    <t>誠心相陽幼稚園</t>
  </si>
  <si>
    <t>046-254-5192</t>
  </si>
  <si>
    <t>相武台中央幼稚園</t>
  </si>
  <si>
    <t>046-251-2030</t>
  </si>
  <si>
    <t>042-756-5978</t>
  </si>
  <si>
    <t>042-761-1606</t>
  </si>
  <si>
    <t>042-755-0391</t>
  </si>
  <si>
    <t>046-254-3614</t>
  </si>
  <si>
    <t>042-762-3594</t>
  </si>
  <si>
    <t>中和田幼稚園</t>
  </si>
  <si>
    <t>042-742-8530</t>
  </si>
  <si>
    <t>虹ヶ丘幼稚園</t>
  </si>
  <si>
    <t>042-755-3263</t>
  </si>
  <si>
    <t>042-771-1448</t>
  </si>
  <si>
    <t>042-755-0394</t>
  </si>
  <si>
    <t>豊泉幼稚園</t>
  </si>
  <si>
    <t>042-744-1539</t>
  </si>
  <si>
    <t>042-752-4842</t>
  </si>
  <si>
    <t>042-762-2289</t>
  </si>
  <si>
    <t>042-742-8822</t>
  </si>
  <si>
    <t>谷口幼稚園</t>
  </si>
  <si>
    <t>042-742-9661</t>
  </si>
  <si>
    <t>弥生幼稚園</t>
  </si>
  <si>
    <t>042-755-4575</t>
  </si>
  <si>
    <t>林間のぞみ幼稚園</t>
  </si>
  <si>
    <t>042-742-3394</t>
  </si>
  <si>
    <t>042-782-6332</t>
  </si>
  <si>
    <t>042-767-8470</t>
  </si>
  <si>
    <t>誠心こども園</t>
    <phoneticPr fontId="10"/>
  </si>
  <si>
    <t>愛の園ふちのべこども園</t>
    <rPh sb="0" eb="1">
      <t>アイ</t>
    </rPh>
    <rPh sb="2" eb="3">
      <t>エン</t>
    </rPh>
    <rPh sb="10" eb="11">
      <t>エン</t>
    </rPh>
    <phoneticPr fontId="11"/>
  </si>
  <si>
    <t>042-752-2123</t>
  </si>
  <si>
    <t>042-757-3413</t>
  </si>
  <si>
    <t>042-752-8184</t>
  </si>
  <si>
    <t>042-762-6680</t>
  </si>
  <si>
    <t>042-755-0030</t>
  </si>
  <si>
    <t>042-762-1871</t>
  </si>
  <si>
    <t>042-747-7100</t>
  </si>
  <si>
    <t>042-760-1122</t>
  </si>
  <si>
    <t>042-713-3781</t>
  </si>
  <si>
    <t>042-700-1250</t>
  </si>
  <si>
    <t>ふちのべ美邦こども園</t>
    <rPh sb="4" eb="6">
      <t>ヨシクニ</t>
    </rPh>
    <rPh sb="9" eb="10">
      <t>エン</t>
    </rPh>
    <phoneticPr fontId="11"/>
  </si>
  <si>
    <t>042-768-7550</t>
  </si>
  <si>
    <t>相武台新日本こども園</t>
    <rPh sb="0" eb="3">
      <t>ソウブダイ</t>
    </rPh>
    <rPh sb="3" eb="4">
      <t>シン</t>
    </rPh>
    <rPh sb="4" eb="6">
      <t>ニホン</t>
    </rPh>
    <rPh sb="9" eb="10">
      <t>エン</t>
    </rPh>
    <phoneticPr fontId="11"/>
  </si>
  <si>
    <t>046-251-3215</t>
  </si>
  <si>
    <t>横山台こども園</t>
    <rPh sb="0" eb="2">
      <t>ヨコヤマ</t>
    </rPh>
    <rPh sb="6" eb="7">
      <t>エン</t>
    </rPh>
    <phoneticPr fontId="11"/>
  </si>
  <si>
    <t>042-756-2102</t>
  </si>
  <si>
    <t>042-762-8328</t>
  </si>
  <si>
    <t>042-773-2016</t>
  </si>
  <si>
    <t>たけのうちこども園</t>
    <rPh sb="8" eb="9">
      <t>エン</t>
    </rPh>
    <phoneticPr fontId="11"/>
  </si>
  <si>
    <t>042-730-6336</t>
  </si>
  <si>
    <t>042-786-0670</t>
  </si>
  <si>
    <t>042-770-1509</t>
  </si>
  <si>
    <t>たいようこども園</t>
    <rPh sb="7" eb="8">
      <t>エン</t>
    </rPh>
    <phoneticPr fontId="11"/>
  </si>
  <si>
    <t>042-767-3215</t>
  </si>
  <si>
    <t>042-703-5847</t>
  </si>
  <si>
    <t>042-770-1609</t>
  </si>
  <si>
    <t>相生こども園</t>
    <rPh sb="0" eb="2">
      <t>アイオイ</t>
    </rPh>
    <rPh sb="5" eb="6">
      <t>エン</t>
    </rPh>
    <phoneticPr fontId="11"/>
  </si>
  <si>
    <t>042-730-6337</t>
  </si>
  <si>
    <t>古淵あおばこども園</t>
    <rPh sb="0" eb="2">
      <t>コブチ</t>
    </rPh>
    <rPh sb="8" eb="9">
      <t>エン</t>
    </rPh>
    <phoneticPr fontId="11"/>
  </si>
  <si>
    <t>042-704-7063</t>
  </si>
  <si>
    <t>どんぐりこども園</t>
    <rPh sb="7" eb="8">
      <t>エン</t>
    </rPh>
    <phoneticPr fontId="10"/>
  </si>
  <si>
    <t>042-762-0768</t>
    <phoneticPr fontId="9"/>
  </si>
  <si>
    <t>認定こども園東海大学付属
本田記念幼稚園</t>
    <rPh sb="0" eb="2">
      <t>ニンテイ</t>
    </rPh>
    <rPh sb="5" eb="6">
      <t>エン</t>
    </rPh>
    <rPh sb="6" eb="12">
      <t>トウカイダイガクフゾク</t>
    </rPh>
    <rPh sb="13" eb="17">
      <t>ホンダキネン</t>
    </rPh>
    <rPh sb="17" eb="20">
      <t>ヨウチエン</t>
    </rPh>
    <phoneticPr fontId="1"/>
  </si>
  <si>
    <t>認定こども園げんきっこ</t>
    <phoneticPr fontId="10"/>
  </si>
  <si>
    <t>認定こども園小山白ゆり幼稚園</t>
    <phoneticPr fontId="10"/>
  </si>
  <si>
    <t>認定こども園城山わかば幼稚園</t>
    <phoneticPr fontId="10"/>
  </si>
  <si>
    <t>認定こども園相模女子大学幼稚部</t>
    <phoneticPr fontId="10"/>
  </si>
  <si>
    <t>認定こども園相模つばさ幼稚園</t>
    <phoneticPr fontId="10"/>
  </si>
  <si>
    <t>大井町立相和幼稚園</t>
    <rPh sb="0" eb="2">
      <t>オオイ</t>
    </rPh>
    <rPh sb="2" eb="4">
      <t>チョウリツ</t>
    </rPh>
    <rPh sb="4" eb="6">
      <t>ソウワ</t>
    </rPh>
    <rPh sb="6" eb="9">
      <t>ヨウチエン</t>
    </rPh>
    <phoneticPr fontId="1"/>
  </si>
  <si>
    <t>大井町立大井第二幼稚園</t>
    <rPh sb="0" eb="2">
      <t>オオイ</t>
    </rPh>
    <rPh sb="2" eb="4">
      <t>チョウリツ</t>
    </rPh>
    <rPh sb="4" eb="6">
      <t>オオイ</t>
    </rPh>
    <rPh sb="6" eb="8">
      <t>ダイニ</t>
    </rPh>
    <rPh sb="8" eb="11">
      <t>ヨウチエン</t>
    </rPh>
    <phoneticPr fontId="1"/>
  </si>
  <si>
    <t>大井町立大井幼稚園</t>
    <rPh sb="0" eb="2">
      <t>オオイ</t>
    </rPh>
    <rPh sb="2" eb="4">
      <t>チョウリツ</t>
    </rPh>
    <rPh sb="4" eb="6">
      <t>オオイ</t>
    </rPh>
    <rPh sb="6" eb="9">
      <t>ヨウチエン</t>
    </rPh>
    <phoneticPr fontId="1"/>
  </si>
  <si>
    <t>認定こども園相模野幼稚園</t>
    <phoneticPr fontId="10"/>
  </si>
  <si>
    <t>認定こども園よこやま幼稚園</t>
    <phoneticPr fontId="10"/>
  </si>
  <si>
    <t>認定こども園田名幼稚園</t>
    <phoneticPr fontId="10"/>
  </si>
  <si>
    <t>認定こども園中央幼稚園</t>
    <phoneticPr fontId="10"/>
  </si>
  <si>
    <t>認定こども園てるて幼稚園</t>
    <phoneticPr fontId="10"/>
  </si>
  <si>
    <t>認定こども園相模林間幼稚園</t>
    <phoneticPr fontId="10"/>
  </si>
  <si>
    <t>認定こども園新町幼稚園</t>
    <phoneticPr fontId="10"/>
  </si>
  <si>
    <t>認定こども園ひばりっ子クラブ</t>
    <phoneticPr fontId="10"/>
  </si>
  <si>
    <t>認定こども園星が丘幼稚園</t>
    <phoneticPr fontId="10"/>
  </si>
  <si>
    <t>認定こども園みずほ幼稚園</t>
    <phoneticPr fontId="10"/>
  </si>
  <si>
    <t>認定こども園南大野幼稚園</t>
    <phoneticPr fontId="10"/>
  </si>
  <si>
    <t>認定こども園モモ</t>
    <phoneticPr fontId="10"/>
  </si>
  <si>
    <t>認定こども園すこやか</t>
    <phoneticPr fontId="1"/>
  </si>
  <si>
    <t>認定こども園きらきら</t>
    <rPh sb="0" eb="2">
      <t>ニンテイ</t>
    </rPh>
    <rPh sb="5" eb="6">
      <t>エン</t>
    </rPh>
    <phoneticPr fontId="11"/>
  </si>
  <si>
    <t>相模原市緑区与瀬886-7</t>
    <rPh sb="0" eb="4">
      <t>サガミハラシ</t>
    </rPh>
    <rPh sb="4" eb="6">
      <t>ミドリク</t>
    </rPh>
    <rPh sb="6" eb="7">
      <t>ヨ</t>
    </rPh>
    <rPh sb="7" eb="8">
      <t>セ</t>
    </rPh>
    <phoneticPr fontId="9"/>
  </si>
  <si>
    <t>相模原市緑区吉野1030-12</t>
    <rPh sb="0" eb="4">
      <t>サガミハラシ</t>
    </rPh>
    <phoneticPr fontId="10"/>
  </si>
  <si>
    <t>相模原市中央区下九沢964</t>
    <rPh sb="0" eb="4">
      <t>サガミハラシ</t>
    </rPh>
    <phoneticPr fontId="1"/>
  </si>
  <si>
    <t>相模原市中央区田名5266-1</t>
    <rPh sb="0" eb="4">
      <t>サガミハラシ</t>
    </rPh>
    <phoneticPr fontId="1"/>
  </si>
  <si>
    <t>相模原市南区鵜野森2-11-1</t>
    <rPh sb="0" eb="4">
      <t>サガミハラシ</t>
    </rPh>
    <phoneticPr fontId="1"/>
  </si>
  <si>
    <t>相模原市緑区上九沢267</t>
    <rPh sb="0" eb="4">
      <t>サガミハラシ</t>
    </rPh>
    <phoneticPr fontId="1"/>
  </si>
  <si>
    <t>相模原市緑区大島1304-2</t>
    <rPh sb="0" eb="4">
      <t>サガミハラシ</t>
    </rPh>
    <phoneticPr fontId="1"/>
  </si>
  <si>
    <t>相模原市緑区大島202-1</t>
    <rPh sb="0" eb="4">
      <t>サガミハラシ</t>
    </rPh>
    <phoneticPr fontId="1"/>
  </si>
  <si>
    <t>相模原市南区大野台5-1-11</t>
    <rPh sb="0" eb="4">
      <t>サガミハラシ</t>
    </rPh>
    <phoneticPr fontId="1"/>
  </si>
  <si>
    <t>相模原市中央区宮下本町3-4-12</t>
    <rPh sb="0" eb="4">
      <t>サガミハラシ</t>
    </rPh>
    <phoneticPr fontId="1"/>
  </si>
  <si>
    <t>相模原市緑区若葉台6-5-14</t>
    <rPh sb="0" eb="4">
      <t>サガミハラシ</t>
    </rPh>
    <phoneticPr fontId="1"/>
  </si>
  <si>
    <t>相模原市中央区上溝382-3</t>
    <rPh sb="0" eb="4">
      <t>サガミハラシ</t>
    </rPh>
    <phoneticPr fontId="1"/>
  </si>
  <si>
    <t>相模原市南区当麻870-6</t>
    <rPh sb="0" eb="4">
      <t>サガミハラシ</t>
    </rPh>
    <phoneticPr fontId="1"/>
  </si>
  <si>
    <t>相模原市中央区矢部3-11-13</t>
    <rPh sb="0" eb="4">
      <t>サガミハラシ</t>
    </rPh>
    <phoneticPr fontId="1"/>
  </si>
  <si>
    <t>相模原市中央区矢部4-1-20</t>
    <rPh sb="0" eb="4">
      <t>サガミハラシ</t>
    </rPh>
    <phoneticPr fontId="1"/>
  </si>
  <si>
    <t>相模原市南区文京2-1-1</t>
    <rPh sb="0" eb="4">
      <t>サガミハラシ</t>
    </rPh>
    <phoneticPr fontId="1"/>
  </si>
  <si>
    <t>相模原市南区古淵3-26-19</t>
    <rPh sb="0" eb="4">
      <t>サガミハラシ</t>
    </rPh>
    <phoneticPr fontId="1"/>
  </si>
  <si>
    <t>相模原市中央区淵野辺2-22-7</t>
    <rPh sb="0" eb="4">
      <t>サガミハラシ</t>
    </rPh>
    <phoneticPr fontId="1"/>
  </si>
  <si>
    <t>相模原市南区麻溝台5-11-6</t>
    <rPh sb="0" eb="4">
      <t>サガミハラシ</t>
    </rPh>
    <phoneticPr fontId="1"/>
  </si>
  <si>
    <t>相模原市南区東大沼2-7-6</t>
    <rPh sb="0" eb="4">
      <t>サガミハラシ</t>
    </rPh>
    <phoneticPr fontId="1"/>
  </si>
  <si>
    <t>相模原市南区相南2-25-65</t>
    <rPh sb="0" eb="4">
      <t>サガミハラシ</t>
    </rPh>
    <phoneticPr fontId="1"/>
  </si>
  <si>
    <t>相模原市南区上鶴間4-2-1</t>
    <rPh sb="0" eb="4">
      <t>サガミハラシ</t>
    </rPh>
    <phoneticPr fontId="1"/>
  </si>
  <si>
    <t>相模原市緑区長竹838-1</t>
    <rPh sb="0" eb="4">
      <t>サガミハラシ</t>
    </rPh>
    <phoneticPr fontId="1"/>
  </si>
  <si>
    <t>相模原市緑区二本松3-9-12</t>
    <rPh sb="0" eb="4">
      <t>サガミハラシ</t>
    </rPh>
    <phoneticPr fontId="1"/>
  </si>
  <si>
    <t>相模原市緑区相原1-20-5</t>
    <rPh sb="0" eb="4">
      <t>サガミハラシ</t>
    </rPh>
    <phoneticPr fontId="1"/>
  </si>
  <si>
    <t>相模原市緑区東橋本2-32-22</t>
    <rPh sb="0" eb="4">
      <t>サガミハラシ</t>
    </rPh>
    <phoneticPr fontId="1"/>
  </si>
  <si>
    <t>相模原市中央区横山台2-10-8</t>
    <rPh sb="0" eb="4">
      <t>サガミハラシ</t>
    </rPh>
    <phoneticPr fontId="1"/>
  </si>
  <si>
    <t>相模原市緑区中野1366</t>
    <rPh sb="0" eb="4">
      <t>サガミハラシ</t>
    </rPh>
    <phoneticPr fontId="1"/>
  </si>
  <si>
    <t>相模原市中央区清新3-14-16</t>
    <rPh sb="0" eb="4">
      <t>サガミハラシ</t>
    </rPh>
    <phoneticPr fontId="1"/>
  </si>
  <si>
    <t>相模原市南区西大沼5-13-17</t>
    <rPh sb="0" eb="4">
      <t>サガミハラシ</t>
    </rPh>
    <phoneticPr fontId="1"/>
  </si>
  <si>
    <t>相模原市南区相模台6-30-12</t>
    <rPh sb="0" eb="4">
      <t>サガミハラシ</t>
    </rPh>
    <phoneticPr fontId="1"/>
  </si>
  <si>
    <t>相模原市南区磯部1648</t>
    <rPh sb="0" eb="4">
      <t>サガミハラシ</t>
    </rPh>
    <phoneticPr fontId="1"/>
  </si>
  <si>
    <t>相模原市南区相武台団地2-3-6</t>
    <rPh sb="0" eb="4">
      <t>サガミハラシ</t>
    </rPh>
    <phoneticPr fontId="1"/>
  </si>
  <si>
    <t>相模原市中央区東淵野辺4-23-20</t>
    <rPh sb="0" eb="4">
      <t>サガミハラシ</t>
    </rPh>
    <phoneticPr fontId="1"/>
  </si>
  <si>
    <t>相模原市中央区水郷田名1-16-3</t>
    <rPh sb="0" eb="4">
      <t>サガミハラシ</t>
    </rPh>
    <phoneticPr fontId="1"/>
  </si>
  <si>
    <t>相模原市中央区光が丘2-24-1</t>
    <rPh sb="0" eb="4">
      <t>サガミハラシ</t>
    </rPh>
    <phoneticPr fontId="1"/>
  </si>
  <si>
    <t>相模原市南区新磯野3-22-16</t>
    <rPh sb="0" eb="4">
      <t>サガミハラシ</t>
    </rPh>
    <phoneticPr fontId="1"/>
  </si>
  <si>
    <t>相模原市緑区下九沢441-1</t>
    <rPh sb="0" eb="4">
      <t>サガミハラシ</t>
    </rPh>
    <phoneticPr fontId="1"/>
  </si>
  <si>
    <t>相模原市南区上鶴間本町8-54-10</t>
    <rPh sb="0" eb="4">
      <t>サガミハラシ</t>
    </rPh>
    <phoneticPr fontId="1"/>
  </si>
  <si>
    <t>相模原市中央区陽光台6-3-2</t>
    <rPh sb="0" eb="4">
      <t>サガミハラシ</t>
    </rPh>
    <phoneticPr fontId="1"/>
  </si>
  <si>
    <t>相模原市緑区橋本6-14-1</t>
    <rPh sb="0" eb="4">
      <t>サガミハラシ</t>
    </rPh>
    <phoneticPr fontId="1"/>
  </si>
  <si>
    <t>相模原市中央区淵野辺4-31-7</t>
    <rPh sb="0" eb="4">
      <t>サガミハラシ</t>
    </rPh>
    <phoneticPr fontId="1"/>
  </si>
  <si>
    <t>相模原市南区相模台2-9-4</t>
    <rPh sb="0" eb="4">
      <t>サガミハラシ</t>
    </rPh>
    <phoneticPr fontId="1"/>
  </si>
  <si>
    <t>相模原市中央区星が丘3-5-10</t>
    <rPh sb="0" eb="4">
      <t>サガミハラシ</t>
    </rPh>
    <phoneticPr fontId="1"/>
  </si>
  <si>
    <t>相模原市中央区上溝7-31-4</t>
    <rPh sb="0" eb="4">
      <t>サガミハラシ</t>
    </rPh>
    <phoneticPr fontId="1"/>
  </si>
  <si>
    <t>相模原市南区上鶴間1-3-1</t>
    <rPh sb="0" eb="4">
      <t>サガミハラシ</t>
    </rPh>
    <phoneticPr fontId="1"/>
  </si>
  <si>
    <t>相模原市南区上鶴間本町4-33-49</t>
    <rPh sb="0" eb="4">
      <t>サガミハラシ</t>
    </rPh>
    <phoneticPr fontId="1"/>
  </si>
  <si>
    <t>相模原市中央区富士見3-12-19</t>
    <rPh sb="0" eb="4">
      <t>サガミハラシ</t>
    </rPh>
    <phoneticPr fontId="1"/>
  </si>
  <si>
    <t>相模原市南区東林間6-5-2</t>
    <rPh sb="0" eb="4">
      <t>サガミハラシ</t>
    </rPh>
    <phoneticPr fontId="1"/>
  </si>
  <si>
    <t>相模原市緑区原宿南3-6-10</t>
    <rPh sb="0" eb="4">
      <t>サガミハラシ</t>
    </rPh>
    <phoneticPr fontId="1"/>
  </si>
  <si>
    <t>相模原市南区鵜野森1-21-4</t>
    <rPh sb="0" eb="4">
      <t>サガミハラシ</t>
    </rPh>
    <rPh sb="4" eb="5">
      <t>ミナミ</t>
    </rPh>
    <rPh sb="6" eb="9">
      <t>ウノモリ</t>
    </rPh>
    <phoneticPr fontId="11"/>
  </si>
  <si>
    <t>相模原市中央区淵野辺1-16-5</t>
    <rPh sb="0" eb="4">
      <t>サガミハラシ</t>
    </rPh>
    <rPh sb="7" eb="8">
      <t>フチ</t>
    </rPh>
    <phoneticPr fontId="11"/>
  </si>
  <si>
    <t>相模原市中央区星が丘1-16-15</t>
    <rPh sb="0" eb="4">
      <t>サガミハラシ</t>
    </rPh>
    <phoneticPr fontId="1"/>
  </si>
  <si>
    <t>相模原市中央区横山4-12-14</t>
    <rPh sb="0" eb="4">
      <t>サガミハラシ</t>
    </rPh>
    <phoneticPr fontId="1"/>
  </si>
  <si>
    <t>相模原市緑区下九沢454</t>
    <rPh sb="0" eb="4">
      <t>サガミハラシ</t>
    </rPh>
    <phoneticPr fontId="1"/>
  </si>
  <si>
    <t>相模原市南区大野台4-3-20</t>
    <rPh sb="0" eb="4">
      <t>サガミハラシ</t>
    </rPh>
    <rPh sb="4" eb="6">
      <t>ミナミク</t>
    </rPh>
    <phoneticPr fontId="11"/>
  </si>
  <si>
    <t>相模原市中央区田名2166-2</t>
    <rPh sb="0" eb="4">
      <t>サガミハラシ</t>
    </rPh>
    <phoneticPr fontId="1"/>
  </si>
  <si>
    <t>相模原市南区松が枝町10-14</t>
    <rPh sb="0" eb="4">
      <t>サガミハラシ</t>
    </rPh>
    <phoneticPr fontId="1"/>
  </si>
  <si>
    <t>相模原市緑区下九沢1558-14</t>
    <rPh sb="0" eb="4">
      <t>サガミハラシ</t>
    </rPh>
    <rPh sb="6" eb="9">
      <t>シモクザワ</t>
    </rPh>
    <phoneticPr fontId="11"/>
  </si>
  <si>
    <t>相模原市緑区下九沢1520-1</t>
    <rPh sb="0" eb="4">
      <t>サガミハラシ</t>
    </rPh>
    <rPh sb="4" eb="6">
      <t>ミドリク</t>
    </rPh>
    <rPh sb="6" eb="9">
      <t>シモクザワ</t>
    </rPh>
    <phoneticPr fontId="11"/>
  </si>
  <si>
    <t>相模原市中央区南橋本1-2-17</t>
    <rPh sb="0" eb="4">
      <t>サガミハラシ</t>
    </rPh>
    <rPh sb="4" eb="7">
      <t>チュウオウク</t>
    </rPh>
    <rPh sb="7" eb="10">
      <t>ミナミハシモト</t>
    </rPh>
    <phoneticPr fontId="11"/>
  </si>
  <si>
    <t>相模原市中央区共和1-4-3</t>
    <rPh sb="0" eb="4">
      <t>サガミハラシ</t>
    </rPh>
    <rPh sb="4" eb="7">
      <t>チュウオウク</t>
    </rPh>
    <rPh sb="7" eb="9">
      <t>キョウワ</t>
    </rPh>
    <phoneticPr fontId="11"/>
  </si>
  <si>
    <t>相模原市南区相武台団地1-4-3</t>
    <rPh sb="0" eb="4">
      <t>サガミハラシ</t>
    </rPh>
    <phoneticPr fontId="1"/>
  </si>
  <si>
    <t>相模原市中央区横山台2-24-16</t>
    <rPh sb="0" eb="4">
      <t>サガミハラシ</t>
    </rPh>
    <phoneticPr fontId="1"/>
  </si>
  <si>
    <t>相模原市緑区大島11-147</t>
    <rPh sb="0" eb="4">
      <t>サガミハラシ</t>
    </rPh>
    <rPh sb="6" eb="7">
      <t>ダイ</t>
    </rPh>
    <phoneticPr fontId="11"/>
  </si>
  <si>
    <t>相模原市緑区東橋本4-14-36</t>
    <rPh sb="0" eb="4">
      <t>サガミハラシ</t>
    </rPh>
    <rPh sb="6" eb="9">
      <t>ヒガシハシモト</t>
    </rPh>
    <phoneticPr fontId="11"/>
  </si>
  <si>
    <t>相模原市中央区東淵野辺4-25-3</t>
    <rPh sb="0" eb="4">
      <t>サガミハラシ</t>
    </rPh>
    <rPh sb="7" eb="11">
      <t>ヒガシフチノベ</t>
    </rPh>
    <phoneticPr fontId="11"/>
  </si>
  <si>
    <t>相模原市中央区鹿沼台2-12-15</t>
    <rPh sb="0" eb="4">
      <t>サガミハラシ</t>
    </rPh>
    <rPh sb="7" eb="10">
      <t>カヌマダイ</t>
    </rPh>
    <phoneticPr fontId="11"/>
  </si>
  <si>
    <t>相模原市緑区橋本1-12-25</t>
    <rPh sb="0" eb="4">
      <t>サガミハラシ</t>
    </rPh>
    <rPh sb="6" eb="8">
      <t>ハシモト</t>
    </rPh>
    <phoneticPr fontId="11"/>
  </si>
  <si>
    <t>相模原市南区豊町10-5</t>
    <rPh sb="0" eb="4">
      <t>サガミハラシ</t>
    </rPh>
    <rPh sb="6" eb="7">
      <t>ユタ</t>
    </rPh>
    <rPh sb="7" eb="8">
      <t>マチ</t>
    </rPh>
    <phoneticPr fontId="11"/>
  </si>
  <si>
    <t>相模原市緑区橋本4-18-19</t>
    <rPh sb="0" eb="4">
      <t>サガミハラシ</t>
    </rPh>
    <rPh sb="4" eb="6">
      <t>ミドリク</t>
    </rPh>
    <rPh sb="6" eb="8">
      <t>ハシモト</t>
    </rPh>
    <phoneticPr fontId="11"/>
  </si>
  <si>
    <t>相模原市緑区東橋本1-19-12</t>
    <rPh sb="0" eb="4">
      <t>サガミハラシ</t>
    </rPh>
    <phoneticPr fontId="1"/>
  </si>
  <si>
    <t>相模原市中央区相生2-17-3</t>
    <rPh sb="0" eb="4">
      <t>サガミハラシ</t>
    </rPh>
    <rPh sb="4" eb="7">
      <t>チュウオウク</t>
    </rPh>
    <rPh sb="7" eb="9">
      <t>アイオイ</t>
    </rPh>
    <phoneticPr fontId="11"/>
  </si>
  <si>
    <t>相模原市南区古淵1-5-3</t>
    <rPh sb="0" eb="4">
      <t>サガミハラシ</t>
    </rPh>
    <rPh sb="4" eb="6">
      <t>ミナミク</t>
    </rPh>
    <rPh sb="6" eb="8">
      <t>コブチ</t>
    </rPh>
    <phoneticPr fontId="11"/>
  </si>
  <si>
    <t>相模原市中央区上溝4-15-20</t>
    <rPh sb="0" eb="4">
      <t>サガミハラシ</t>
    </rPh>
    <rPh sb="4" eb="7">
      <t>チュウオウク</t>
    </rPh>
    <rPh sb="7" eb="9">
      <t>カミミゾ</t>
    </rPh>
    <phoneticPr fontId="11"/>
  </si>
  <si>
    <t>認定こども園伊勢原立正幼稚園</t>
    <rPh sb="0" eb="2">
      <t>ニンテイ</t>
    </rPh>
    <rPh sb="5" eb="6">
      <t>エン</t>
    </rPh>
    <rPh sb="6" eb="14">
      <t>イセハラリッショウヨウチエン</t>
    </rPh>
    <phoneticPr fontId="1"/>
  </si>
  <si>
    <t>認定こども園伊勢原山王幼稚園</t>
    <rPh sb="0" eb="2">
      <t>ニンテイ</t>
    </rPh>
    <rPh sb="5" eb="6">
      <t>エン</t>
    </rPh>
    <rPh sb="6" eb="9">
      <t>イセハラ</t>
    </rPh>
    <rPh sb="9" eb="14">
      <t>サンノウヨウチエン</t>
    </rPh>
    <phoneticPr fontId="1"/>
  </si>
  <si>
    <t>平塚市根坂間645</t>
    <rPh sb="0" eb="2">
      <t>ヒラツカ</t>
    </rPh>
    <rPh sb="2" eb="3">
      <t>シ</t>
    </rPh>
    <phoneticPr fontId="1"/>
  </si>
  <si>
    <t>平塚市夕陽ヶ丘22-3</t>
    <rPh sb="0" eb="3">
      <t>ヒラツカシ</t>
    </rPh>
    <rPh sb="3" eb="5">
      <t>ユウヒ</t>
    </rPh>
    <rPh sb="6" eb="7">
      <t>オカ</t>
    </rPh>
    <phoneticPr fontId="1"/>
  </si>
  <si>
    <t>小田原市城内2番地の16</t>
    <rPh sb="4" eb="6">
      <t>ジョウナイ</t>
    </rPh>
    <rPh sb="7" eb="9">
      <t>バンチ</t>
    </rPh>
    <phoneticPr fontId="1"/>
  </si>
  <si>
    <t>小田原市栄町4丁目6番5号</t>
    <rPh sb="0" eb="4">
      <t>オダワラシ</t>
    </rPh>
    <rPh sb="7" eb="9">
      <t>チョウメ</t>
    </rPh>
    <rPh sb="10" eb="11">
      <t>バン</t>
    </rPh>
    <rPh sb="12" eb="13">
      <t>ゴウ</t>
    </rPh>
    <phoneticPr fontId="1"/>
  </si>
  <si>
    <t>小田原市永塚387番地の5</t>
    <rPh sb="0" eb="4">
      <t>オダワラシ</t>
    </rPh>
    <rPh sb="9" eb="11">
      <t>バンチ</t>
    </rPh>
    <phoneticPr fontId="1"/>
  </si>
  <si>
    <t>小田原市飯田岡336番地</t>
    <rPh sb="4" eb="7">
      <t>イイダオカ</t>
    </rPh>
    <rPh sb="10" eb="12">
      <t>バンチ</t>
    </rPh>
    <phoneticPr fontId="1"/>
  </si>
  <si>
    <t>厚木市及川2-23-１</t>
    <phoneticPr fontId="1"/>
  </si>
  <si>
    <t>厚木市寿町3-14-7</t>
    <phoneticPr fontId="1"/>
  </si>
  <si>
    <t>厚木市旭町5-36-25</t>
    <phoneticPr fontId="1"/>
  </si>
  <si>
    <t>厚木市鳶尾2-22-18</t>
    <phoneticPr fontId="1"/>
  </si>
  <si>
    <t>厚木市恩名3-11-55</t>
    <phoneticPr fontId="1"/>
  </si>
  <si>
    <t>厚木市林2-13-41</t>
    <phoneticPr fontId="1"/>
  </si>
  <si>
    <t>厚木市緑ヶ丘2-2-2</t>
    <phoneticPr fontId="1"/>
  </si>
  <si>
    <t>厚木市幸町6-22</t>
    <phoneticPr fontId="1"/>
  </si>
  <si>
    <t>厚木市妻田東2-5-41</t>
    <phoneticPr fontId="1"/>
  </si>
  <si>
    <t>厚木市寿町2-6-19</t>
    <phoneticPr fontId="1"/>
  </si>
  <si>
    <t>葉山町堀内1968</t>
    <rPh sb="3" eb="5">
      <t>ホリウチ</t>
    </rPh>
    <phoneticPr fontId="5"/>
  </si>
  <si>
    <t>葉山町木古庭1768</t>
    <rPh sb="3" eb="4">
      <t>キ</t>
    </rPh>
    <rPh sb="4" eb="5">
      <t>フル</t>
    </rPh>
    <rPh sb="5" eb="6">
      <t>ニワ</t>
    </rPh>
    <phoneticPr fontId="5"/>
  </si>
  <si>
    <t>寒川町岡田4－20－35</t>
    <rPh sb="0" eb="3">
      <t>サムカワマチ</t>
    </rPh>
    <rPh sb="3" eb="5">
      <t>オカダ</t>
    </rPh>
    <phoneticPr fontId="1"/>
  </si>
  <si>
    <t>寒川町大曲1-6-6</t>
    <rPh sb="0" eb="3">
      <t>サムカワマチ</t>
    </rPh>
    <rPh sb="3" eb="5">
      <t>オオマガリ</t>
    </rPh>
    <phoneticPr fontId="1"/>
  </si>
  <si>
    <t>寒川町倉見2229番地</t>
    <rPh sb="0" eb="3">
      <t>サムカワマチ</t>
    </rPh>
    <rPh sb="3" eb="5">
      <t>クラミ</t>
    </rPh>
    <rPh sb="9" eb="11">
      <t>バンチ</t>
    </rPh>
    <phoneticPr fontId="1"/>
  </si>
  <si>
    <t>松田町神山404番地</t>
    <rPh sb="0" eb="3">
      <t>マツダマチ</t>
    </rPh>
    <rPh sb="3" eb="5">
      <t>コウヤマ</t>
    </rPh>
    <rPh sb="8" eb="10">
      <t>バンチ</t>
    </rPh>
    <phoneticPr fontId="1"/>
  </si>
  <si>
    <t>松田町寄2505番地</t>
    <rPh sb="0" eb="3">
      <t>マツダマチ</t>
    </rPh>
    <rPh sb="3" eb="4">
      <t>ヤドリキ</t>
    </rPh>
    <rPh sb="8" eb="10">
      <t>バンチ</t>
    </rPh>
    <phoneticPr fontId="1"/>
  </si>
  <si>
    <t>平塚市四之宮4丁目14-22</t>
    <phoneticPr fontId="1"/>
  </si>
  <si>
    <t>平塚市平塚1丁目14-3</t>
    <phoneticPr fontId="1"/>
  </si>
  <si>
    <t>平塚市東中原2丁目23-3</t>
    <phoneticPr fontId="1"/>
  </si>
  <si>
    <t>小田原市酒匂6丁目8番26号</t>
    <rPh sb="0" eb="4">
      <t>オダワラシ</t>
    </rPh>
    <rPh sb="4" eb="6">
      <t>サカワ</t>
    </rPh>
    <rPh sb="7" eb="9">
      <t>チョウメ</t>
    </rPh>
    <rPh sb="10" eb="11">
      <t>バン</t>
    </rPh>
    <rPh sb="13" eb="14">
      <t>ゴウ</t>
    </rPh>
    <phoneticPr fontId="1"/>
  </si>
  <si>
    <t>小田原市城山2丁目1番3号</t>
    <rPh sb="0" eb="4">
      <t>オダワラシ</t>
    </rPh>
    <rPh sb="7" eb="9">
      <t>チョウメ</t>
    </rPh>
    <rPh sb="10" eb="11">
      <t>バン</t>
    </rPh>
    <rPh sb="12" eb="13">
      <t>ゴウ</t>
    </rPh>
    <phoneticPr fontId="1"/>
  </si>
  <si>
    <t>小田原市城山4丁目19番8号</t>
    <rPh sb="0" eb="4">
      <t>オダワラシ</t>
    </rPh>
    <rPh sb="7" eb="9">
      <t>チョウメ</t>
    </rPh>
    <rPh sb="11" eb="12">
      <t>バン</t>
    </rPh>
    <rPh sb="13" eb="14">
      <t>ゴウ</t>
    </rPh>
    <phoneticPr fontId="1"/>
  </si>
  <si>
    <t>小田原市東町3丁目12番23号</t>
    <rPh sb="0" eb="4">
      <t>オダワラシ</t>
    </rPh>
    <rPh sb="7" eb="9">
      <t>チョウメ</t>
    </rPh>
    <rPh sb="11" eb="12">
      <t>バン</t>
    </rPh>
    <rPh sb="14" eb="15">
      <t>ゴウ</t>
    </rPh>
    <phoneticPr fontId="1"/>
  </si>
  <si>
    <t>小田原市中町1丁目15番11号</t>
    <rPh sb="4" eb="6">
      <t>ナカチョウ</t>
    </rPh>
    <rPh sb="7" eb="9">
      <t>チョウメ</t>
    </rPh>
    <rPh sb="11" eb="12">
      <t>バン</t>
    </rPh>
    <rPh sb="14" eb="15">
      <t>ゴウ</t>
    </rPh>
    <phoneticPr fontId="1"/>
  </si>
  <si>
    <t>海老名市さつき町5番地</t>
    <rPh sb="0" eb="4">
      <t>エビナシ</t>
    </rPh>
    <rPh sb="7" eb="8">
      <t>チョウ</t>
    </rPh>
    <rPh sb="9" eb="11">
      <t>バンチ</t>
    </rPh>
    <phoneticPr fontId="1"/>
  </si>
  <si>
    <t>寒川町一之宮4丁目14番7号</t>
    <rPh sb="0" eb="3">
      <t>サムカワマチ</t>
    </rPh>
    <rPh sb="3" eb="6">
      <t>イチノミヤ</t>
    </rPh>
    <rPh sb="7" eb="9">
      <t>チョウメ</t>
    </rPh>
    <rPh sb="11" eb="12">
      <t>バン</t>
    </rPh>
    <rPh sb="13" eb="14">
      <t>ゴウ</t>
    </rPh>
    <phoneticPr fontId="1"/>
  </si>
  <si>
    <t>海老名市上今泉1丁目22番56号</t>
    <rPh sb="0" eb="7">
      <t>エビナシカミイマイズミ</t>
    </rPh>
    <rPh sb="8" eb="10">
      <t>チョウメ</t>
    </rPh>
    <rPh sb="12" eb="13">
      <t>バン</t>
    </rPh>
    <rPh sb="15" eb="16">
      <t>ゴウ</t>
    </rPh>
    <phoneticPr fontId="1"/>
  </si>
  <si>
    <t>海老名市上今泉1丁目8番34号</t>
    <rPh sb="0" eb="7">
      <t>エビナシカミイマイズミ</t>
    </rPh>
    <rPh sb="8" eb="10">
      <t>チョウメ</t>
    </rPh>
    <rPh sb="11" eb="12">
      <t>バン</t>
    </rPh>
    <rPh sb="14" eb="15">
      <t>ゴウ</t>
    </rPh>
    <phoneticPr fontId="1"/>
  </si>
  <si>
    <t>海老名市河原口3丁目10番5号</t>
    <rPh sb="0" eb="4">
      <t>エビナシ</t>
    </rPh>
    <rPh sb="4" eb="7">
      <t>カワラグチ</t>
    </rPh>
    <rPh sb="8" eb="10">
      <t>チョウメ</t>
    </rPh>
    <rPh sb="12" eb="13">
      <t>バン</t>
    </rPh>
    <rPh sb="14" eb="15">
      <t>ゴウ</t>
    </rPh>
    <phoneticPr fontId="1"/>
  </si>
  <si>
    <t>藤沢市</t>
    <rPh sb="0" eb="3">
      <t>フジサワシ</t>
    </rPh>
    <phoneticPr fontId="1"/>
  </si>
  <si>
    <t>青木幼稚園</t>
    <rPh sb="0" eb="2">
      <t>アオキ</t>
    </rPh>
    <rPh sb="2" eb="5">
      <t>ヨウチエン</t>
    </rPh>
    <phoneticPr fontId="1"/>
  </si>
  <si>
    <t>×</t>
    <phoneticPr fontId="4"/>
  </si>
  <si>
    <t>秋葉台幼稚園</t>
    <rPh sb="0" eb="2">
      <t>アキハ</t>
    </rPh>
    <rPh sb="2" eb="3">
      <t>ダイ</t>
    </rPh>
    <rPh sb="3" eb="6">
      <t>ヨウチエン</t>
    </rPh>
    <phoneticPr fontId="1"/>
  </si>
  <si>
    <t>片瀬のぞみ幼稚園</t>
    <rPh sb="0" eb="2">
      <t>カタセ</t>
    </rPh>
    <rPh sb="5" eb="8">
      <t>ヨウチエン</t>
    </rPh>
    <phoneticPr fontId="1"/>
  </si>
  <si>
    <t>こばやし幼稚園</t>
    <rPh sb="4" eb="7">
      <t>ヨウチエン</t>
    </rPh>
    <phoneticPr fontId="1"/>
  </si>
  <si>
    <t>相模幼稚園</t>
    <rPh sb="0" eb="2">
      <t>サガミ</t>
    </rPh>
    <rPh sb="2" eb="5">
      <t>ヨウチエン</t>
    </rPh>
    <phoneticPr fontId="1"/>
  </si>
  <si>
    <t>湘南学園幼稚園</t>
    <rPh sb="0" eb="2">
      <t>ショウナン</t>
    </rPh>
    <rPh sb="2" eb="4">
      <t>ガクエン</t>
    </rPh>
    <rPh sb="4" eb="7">
      <t>ヨウチエン</t>
    </rPh>
    <phoneticPr fontId="1"/>
  </si>
  <si>
    <t>湘南台幼稚園</t>
    <rPh sb="0" eb="3">
      <t>ショウナンダイ</t>
    </rPh>
    <rPh sb="3" eb="6">
      <t>ヨウチエン</t>
    </rPh>
    <phoneticPr fontId="1"/>
  </si>
  <si>
    <t>湘南みどりが丘幼稚園</t>
    <rPh sb="0" eb="2">
      <t>ショウナン</t>
    </rPh>
    <rPh sb="6" eb="7">
      <t>オカ</t>
    </rPh>
    <rPh sb="7" eb="10">
      <t>ヨウチエン</t>
    </rPh>
    <phoneticPr fontId="1"/>
  </si>
  <si>
    <t>善行森の幼稚園</t>
    <rPh sb="0" eb="2">
      <t>ゼンギョウ</t>
    </rPh>
    <rPh sb="2" eb="3">
      <t>モリ</t>
    </rPh>
    <rPh sb="4" eb="7">
      <t>ヨウチエン</t>
    </rPh>
    <phoneticPr fontId="1"/>
  </si>
  <si>
    <t>0466-82-1515</t>
    <phoneticPr fontId="1"/>
  </si>
  <si>
    <t>つかさ幼稚園</t>
    <rPh sb="3" eb="6">
      <t>ヨウチエン</t>
    </rPh>
    <phoneticPr fontId="1"/>
  </si>
  <si>
    <t>辻堂二葉幼稚園</t>
    <rPh sb="0" eb="2">
      <t>ツジドウ</t>
    </rPh>
    <rPh sb="2" eb="4">
      <t>フタバ</t>
    </rPh>
    <rPh sb="4" eb="7">
      <t>ヨウチエン</t>
    </rPh>
    <phoneticPr fontId="1"/>
  </si>
  <si>
    <t>のぞみ幼稚園</t>
    <rPh sb="3" eb="6">
      <t>ヨウチエン</t>
    </rPh>
    <phoneticPr fontId="1"/>
  </si>
  <si>
    <t>富士幼稚園</t>
    <rPh sb="0" eb="2">
      <t>フジ</t>
    </rPh>
    <rPh sb="2" eb="5">
      <t>ヨウチエン</t>
    </rPh>
    <phoneticPr fontId="1"/>
  </si>
  <si>
    <t>藤沢芙蓉幼稚園</t>
    <rPh sb="0" eb="2">
      <t>フジサワ</t>
    </rPh>
    <rPh sb="2" eb="4">
      <t>フヨウ</t>
    </rPh>
    <rPh sb="4" eb="7">
      <t>ヨウチエン</t>
    </rPh>
    <phoneticPr fontId="1"/>
  </si>
  <si>
    <t>0466-81-1225</t>
    <phoneticPr fontId="1"/>
  </si>
  <si>
    <t>藤沢若葉幼稚園</t>
    <rPh sb="0" eb="2">
      <t>フジサワ</t>
    </rPh>
    <rPh sb="2" eb="4">
      <t>ワカバ</t>
    </rPh>
    <rPh sb="4" eb="7">
      <t>ヨウチエン</t>
    </rPh>
    <phoneticPr fontId="1"/>
  </si>
  <si>
    <t>0466-87-4908</t>
    <phoneticPr fontId="1"/>
  </si>
  <si>
    <t>聖園女学院附属 聖園幼稚園</t>
    <rPh sb="0" eb="2">
      <t>ミソノ</t>
    </rPh>
    <rPh sb="2" eb="5">
      <t>ジョガクイン</t>
    </rPh>
    <rPh sb="5" eb="7">
      <t>フゾク</t>
    </rPh>
    <rPh sb="8" eb="10">
      <t>ミソノ</t>
    </rPh>
    <rPh sb="10" eb="13">
      <t>ヨウチエン</t>
    </rPh>
    <phoneticPr fontId="1"/>
  </si>
  <si>
    <t>0466-22-2636</t>
    <phoneticPr fontId="1"/>
  </si>
  <si>
    <t>聖園女学院附属 聖園マリア幼稚園</t>
    <rPh sb="0" eb="2">
      <t>ミソノ</t>
    </rPh>
    <rPh sb="2" eb="5">
      <t>ジョガクイン</t>
    </rPh>
    <rPh sb="5" eb="7">
      <t>フゾク</t>
    </rPh>
    <rPh sb="8" eb="10">
      <t>ミソノ</t>
    </rPh>
    <rPh sb="13" eb="16">
      <t>ヨウチエン</t>
    </rPh>
    <phoneticPr fontId="1"/>
  </si>
  <si>
    <t>0466-81-4141</t>
    <phoneticPr fontId="1"/>
  </si>
  <si>
    <t>六会幼稚園</t>
    <rPh sb="0" eb="2">
      <t>ムツアイ</t>
    </rPh>
    <rPh sb="2" eb="5">
      <t>ヨウチエン</t>
    </rPh>
    <phoneticPr fontId="1"/>
  </si>
  <si>
    <t>むらおか幼稚園</t>
    <rPh sb="4" eb="7">
      <t>ヨウチエン</t>
    </rPh>
    <phoneticPr fontId="1"/>
  </si>
  <si>
    <t>聖マルコ幼稚園</t>
    <rPh sb="0" eb="1">
      <t>セイ</t>
    </rPh>
    <rPh sb="4" eb="7">
      <t>ヨウチエン</t>
    </rPh>
    <phoneticPr fontId="4"/>
  </si>
  <si>
    <t>0466-34-5315</t>
    <phoneticPr fontId="1"/>
  </si>
  <si>
    <t>もみじ幼稚園</t>
    <rPh sb="3" eb="6">
      <t>ヨウチエン</t>
    </rPh>
    <phoneticPr fontId="4"/>
  </si>
  <si>
    <t>わかふじ幼稚園</t>
    <rPh sb="4" eb="7">
      <t>ヨウチエン</t>
    </rPh>
    <phoneticPr fontId="4"/>
  </si>
  <si>
    <t>鵠沼めぐみルーテル幼稚園</t>
    <rPh sb="0" eb="2">
      <t>クゲヌマ</t>
    </rPh>
    <rPh sb="9" eb="12">
      <t>ヨウチエン</t>
    </rPh>
    <phoneticPr fontId="4"/>
  </si>
  <si>
    <t>0466-22-3574</t>
    <phoneticPr fontId="1"/>
  </si>
  <si>
    <t>みくに幼稚園</t>
    <rPh sb="3" eb="6">
      <t>ヨウチエン</t>
    </rPh>
    <phoneticPr fontId="4"/>
  </si>
  <si>
    <t>認定こども園 広田幼稚園</t>
    <rPh sb="0" eb="2">
      <t>ニンテイ</t>
    </rPh>
    <rPh sb="5" eb="6">
      <t>エン</t>
    </rPh>
    <rPh sb="7" eb="9">
      <t>ヒロタ</t>
    </rPh>
    <rPh sb="9" eb="12">
      <t>ヨウチエン</t>
    </rPh>
    <phoneticPr fontId="4"/>
  </si>
  <si>
    <t>0466-45-9811</t>
    <phoneticPr fontId="1"/>
  </si>
  <si>
    <t>×</t>
    <phoneticPr fontId="4"/>
  </si>
  <si>
    <t>0466-87-6055</t>
    <phoneticPr fontId="1"/>
  </si>
  <si>
    <t>0466-22-4637</t>
    <phoneticPr fontId="1"/>
  </si>
  <si>
    <t>0466-22-5321</t>
    <phoneticPr fontId="1"/>
  </si>
  <si>
    <t>0466-87-8040</t>
    <phoneticPr fontId="1"/>
  </si>
  <si>
    <t>0466-44-0005</t>
    <phoneticPr fontId="1"/>
  </si>
  <si>
    <t>0466-23-6611</t>
    <phoneticPr fontId="1"/>
  </si>
  <si>
    <t>0466-44-5863</t>
    <phoneticPr fontId="1"/>
  </si>
  <si>
    <t>0466-43-1226</t>
    <phoneticPr fontId="1"/>
  </si>
  <si>
    <t>0466-43-6025</t>
    <phoneticPr fontId="1"/>
  </si>
  <si>
    <t>0466-34-4128</t>
    <phoneticPr fontId="1"/>
  </si>
  <si>
    <t>0466-34-9511</t>
    <phoneticPr fontId="1"/>
  </si>
  <si>
    <t>0466-23-2272</t>
    <phoneticPr fontId="1"/>
  </si>
  <si>
    <t>0466-81-3585</t>
    <phoneticPr fontId="1"/>
  </si>
  <si>
    <t>0466-25-2020</t>
    <phoneticPr fontId="1"/>
  </si>
  <si>
    <t>0466-22-8285</t>
    <phoneticPr fontId="1"/>
  </si>
  <si>
    <t>0466-22-6882</t>
    <phoneticPr fontId="1"/>
  </si>
  <si>
    <t>0466-23-1893</t>
    <phoneticPr fontId="1"/>
  </si>
  <si>
    <t>0466-44-6335</t>
    <phoneticPr fontId="1"/>
  </si>
  <si>
    <t>秦野市</t>
    <rPh sb="0" eb="3">
      <t>ハダノシ</t>
    </rPh>
    <phoneticPr fontId="1"/>
  </si>
  <si>
    <t>秦野市立本町幼稚園</t>
    <phoneticPr fontId="1"/>
  </si>
  <si>
    <t>0463-81-0946</t>
    <phoneticPr fontId="1"/>
  </si>
  <si>
    <t>×</t>
    <phoneticPr fontId="1"/>
  </si>
  <si>
    <t>秦野市立南幼稚園</t>
    <phoneticPr fontId="1"/>
  </si>
  <si>
    <t>0463-81-3606</t>
    <phoneticPr fontId="1"/>
  </si>
  <si>
    <t>秦野市立東幼稚園</t>
    <phoneticPr fontId="1"/>
  </si>
  <si>
    <t>0463-81-6325</t>
    <phoneticPr fontId="1"/>
  </si>
  <si>
    <t>秦野市立北幼稚園</t>
    <phoneticPr fontId="1"/>
  </si>
  <si>
    <t>0463-75-1326</t>
    <phoneticPr fontId="1"/>
  </si>
  <si>
    <t>×</t>
    <phoneticPr fontId="1"/>
  </si>
  <si>
    <t>秦野市立西幼稚園</t>
    <phoneticPr fontId="1"/>
  </si>
  <si>
    <t>0463-88-2663</t>
    <phoneticPr fontId="1"/>
  </si>
  <si>
    <t>秦野市立ほりかわ幼稚園</t>
    <phoneticPr fontId="1"/>
  </si>
  <si>
    <t>0463-88-4821</t>
    <phoneticPr fontId="1"/>
  </si>
  <si>
    <t>秦野市立すえひろこども園</t>
    <phoneticPr fontId="1"/>
  </si>
  <si>
    <t>0463-82-4556</t>
    <phoneticPr fontId="1"/>
  </si>
  <si>
    <t>秦野市立つるまきこども園</t>
    <phoneticPr fontId="1"/>
  </si>
  <si>
    <t>0463-78-3424</t>
    <phoneticPr fontId="1"/>
  </si>
  <si>
    <t>秦野市立みどりこども園</t>
    <phoneticPr fontId="1"/>
  </si>
  <si>
    <t>0463-81-1629</t>
    <phoneticPr fontId="1"/>
  </si>
  <si>
    <t>秦野市立しぶさわこども園</t>
    <phoneticPr fontId="1"/>
  </si>
  <si>
    <t>0463-87-1021</t>
    <phoneticPr fontId="1"/>
  </si>
  <si>
    <t>つるまき幼稚園</t>
    <phoneticPr fontId="1"/>
  </si>
  <si>
    <t>0463-77-2323</t>
    <phoneticPr fontId="1"/>
  </si>
  <si>
    <t>いまいずみ保育園</t>
    <phoneticPr fontId="1"/>
  </si>
  <si>
    <t>0463-82-6226</t>
    <phoneticPr fontId="1"/>
  </si>
  <si>
    <t>0463-88-7810</t>
    <phoneticPr fontId="1"/>
  </si>
  <si>
    <t>白百合幼児園</t>
    <phoneticPr fontId="1"/>
  </si>
  <si>
    <t>0463-81-2530</t>
    <phoneticPr fontId="1"/>
  </si>
  <si>
    <t>サンキッズ南が丘こどもえん</t>
    <phoneticPr fontId="1"/>
  </si>
  <si>
    <t>0463-81-9511</t>
    <phoneticPr fontId="1"/>
  </si>
  <si>
    <t>鎌倉市</t>
    <rPh sb="0" eb="3">
      <t>カマクラシ</t>
    </rPh>
    <phoneticPr fontId="1"/>
  </si>
  <si>
    <t>かまくら幼稚園</t>
    <rPh sb="4" eb="7">
      <t>ヨウチエン</t>
    </rPh>
    <phoneticPr fontId="1"/>
  </si>
  <si>
    <t>鎌倉市浄明寺6-19-1</t>
    <rPh sb="0" eb="3">
      <t>カマクラシ</t>
    </rPh>
    <rPh sb="3" eb="6">
      <t>ジョウミョウジ</t>
    </rPh>
    <phoneticPr fontId="1"/>
  </si>
  <si>
    <t>0467-25-2391</t>
    <phoneticPr fontId="1"/>
  </si>
  <si>
    <t>鶴岡幼稚園</t>
    <rPh sb="0" eb="2">
      <t>ツルオカ</t>
    </rPh>
    <rPh sb="2" eb="5">
      <t>ヨウチエン</t>
    </rPh>
    <phoneticPr fontId="1"/>
  </si>
  <si>
    <t>鎌倉市雪ノ下2-1-31</t>
    <rPh sb="0" eb="3">
      <t>カマクラシ</t>
    </rPh>
    <rPh sb="3" eb="4">
      <t>ユキ</t>
    </rPh>
    <rPh sb="5" eb="6">
      <t>シタ</t>
    </rPh>
    <phoneticPr fontId="1"/>
  </si>
  <si>
    <t>0467-22-2975</t>
    <phoneticPr fontId="1"/>
  </si>
  <si>
    <t>比企谷幼稚園</t>
    <rPh sb="0" eb="1">
      <t>ヒ</t>
    </rPh>
    <rPh sb="1" eb="2">
      <t>キ</t>
    </rPh>
    <rPh sb="2" eb="3">
      <t>タニ</t>
    </rPh>
    <rPh sb="3" eb="6">
      <t>ヨウチエン</t>
    </rPh>
    <phoneticPr fontId="1"/>
  </si>
  <si>
    <t>鎌倉市大町1-13-10</t>
    <rPh sb="0" eb="3">
      <t>カマクラシ</t>
    </rPh>
    <rPh sb="3" eb="5">
      <t>オオマチ</t>
    </rPh>
    <phoneticPr fontId="1"/>
  </si>
  <si>
    <t>0467-22-1687</t>
    <phoneticPr fontId="1"/>
  </si>
  <si>
    <t>鎌倉いずみ幼稚園</t>
    <rPh sb="0" eb="2">
      <t>カマクラ</t>
    </rPh>
    <rPh sb="5" eb="8">
      <t>ヨウチエン</t>
    </rPh>
    <phoneticPr fontId="1"/>
  </si>
  <si>
    <t>鎌倉市材木座3-3-7</t>
    <rPh sb="0" eb="3">
      <t>カマクラシ</t>
    </rPh>
    <rPh sb="3" eb="6">
      <t>ザイモクザ</t>
    </rPh>
    <phoneticPr fontId="1"/>
  </si>
  <si>
    <t>×</t>
    <phoneticPr fontId="1"/>
  </si>
  <si>
    <t>ハリス記念鎌倉幼稚園</t>
    <rPh sb="3" eb="5">
      <t>キネン</t>
    </rPh>
    <rPh sb="5" eb="7">
      <t>カマクラ</t>
    </rPh>
    <rPh sb="7" eb="10">
      <t>ヨウチエン</t>
    </rPh>
    <phoneticPr fontId="1"/>
  </si>
  <si>
    <t>鎌倉市由比ガ浜2-2-33</t>
    <rPh sb="0" eb="3">
      <t>カマクラシ</t>
    </rPh>
    <rPh sb="3" eb="5">
      <t>ユイ</t>
    </rPh>
    <rPh sb="6" eb="7">
      <t>ハマ</t>
    </rPh>
    <phoneticPr fontId="1"/>
  </si>
  <si>
    <t>0467-23-3207</t>
    <phoneticPr fontId="1"/>
  </si>
  <si>
    <t>鎌倉幼稚舎幼稚園</t>
    <rPh sb="0" eb="2">
      <t>カマクラ</t>
    </rPh>
    <rPh sb="2" eb="5">
      <t>ヨウチシャ</t>
    </rPh>
    <rPh sb="5" eb="8">
      <t>ヨウチエン</t>
    </rPh>
    <phoneticPr fontId="1"/>
  </si>
  <si>
    <t>鎌倉市腰越3-18-9</t>
    <rPh sb="0" eb="3">
      <t>カマクラシ</t>
    </rPh>
    <rPh sb="3" eb="5">
      <t>コシゴエ</t>
    </rPh>
    <phoneticPr fontId="1"/>
  </si>
  <si>
    <t>0467-31-6905</t>
    <phoneticPr fontId="1"/>
  </si>
  <si>
    <t>モンタナ幼稚園</t>
    <rPh sb="4" eb="7">
      <t>ヨウチエン</t>
    </rPh>
    <phoneticPr fontId="1"/>
  </si>
  <si>
    <t>鎌倉市津550</t>
    <rPh sb="0" eb="3">
      <t>カマクラシ</t>
    </rPh>
    <rPh sb="3" eb="4">
      <t>ツ</t>
    </rPh>
    <phoneticPr fontId="1"/>
  </si>
  <si>
    <t>0467-32-5741</t>
    <phoneticPr fontId="1"/>
  </si>
  <si>
    <t>西鎌倉幼稚園</t>
    <rPh sb="0" eb="3">
      <t>ニシカマクラ</t>
    </rPh>
    <rPh sb="3" eb="6">
      <t>ヨウチエン</t>
    </rPh>
    <phoneticPr fontId="1"/>
  </si>
  <si>
    <t>鎌倉市西鎌倉2-17-1</t>
    <rPh sb="0" eb="3">
      <t>カマクラシ</t>
    </rPh>
    <rPh sb="3" eb="6">
      <t>ニシカマクラ</t>
    </rPh>
    <phoneticPr fontId="1"/>
  </si>
  <si>
    <t>0467-32-6754</t>
    <phoneticPr fontId="1"/>
  </si>
  <si>
    <t>×</t>
    <phoneticPr fontId="1"/>
  </si>
  <si>
    <t>片岡幼稚園</t>
    <rPh sb="0" eb="2">
      <t>カタオカ</t>
    </rPh>
    <rPh sb="2" eb="5">
      <t>ヨウチエン</t>
    </rPh>
    <phoneticPr fontId="1"/>
  </si>
  <si>
    <t>鎌倉市手広1-11-32</t>
    <rPh sb="0" eb="3">
      <t>カマクラシ</t>
    </rPh>
    <rPh sb="3" eb="5">
      <t>テビロ</t>
    </rPh>
    <phoneticPr fontId="1"/>
  </si>
  <si>
    <t>0467-31-5875</t>
    <phoneticPr fontId="1"/>
  </si>
  <si>
    <t>北鎌倉幼稚園</t>
    <rPh sb="0" eb="3">
      <t>キタカマクラ</t>
    </rPh>
    <rPh sb="3" eb="6">
      <t>ヨウチエン</t>
    </rPh>
    <phoneticPr fontId="1"/>
  </si>
  <si>
    <t>鎌倉市山ノ内483</t>
    <rPh sb="0" eb="3">
      <t>カマクラシ</t>
    </rPh>
    <rPh sb="3" eb="4">
      <t>ヤマ</t>
    </rPh>
    <rPh sb="5" eb="6">
      <t>ウチ</t>
    </rPh>
    <phoneticPr fontId="1"/>
  </si>
  <si>
    <t>0467-22-3575</t>
    <phoneticPr fontId="1"/>
  </si>
  <si>
    <t>大船カトリック幼稚園</t>
    <rPh sb="0" eb="2">
      <t>オオフナ</t>
    </rPh>
    <rPh sb="7" eb="10">
      <t>ヨウチエン</t>
    </rPh>
    <phoneticPr fontId="1"/>
  </si>
  <si>
    <t>鎌倉市大船2-1-34</t>
    <rPh sb="0" eb="3">
      <t>カマクラシ</t>
    </rPh>
    <rPh sb="3" eb="5">
      <t>オオフナ</t>
    </rPh>
    <phoneticPr fontId="1"/>
  </si>
  <si>
    <t>0467-46-7395</t>
    <phoneticPr fontId="1"/>
  </si>
  <si>
    <t>ひがし幼稚園</t>
    <rPh sb="3" eb="6">
      <t>ヨウチエン</t>
    </rPh>
    <phoneticPr fontId="1"/>
  </si>
  <si>
    <t>鎌倉市大船6-10-10</t>
    <rPh sb="0" eb="3">
      <t>カマクラシ</t>
    </rPh>
    <rPh sb="3" eb="5">
      <t>オオフナ</t>
    </rPh>
    <phoneticPr fontId="1"/>
  </si>
  <si>
    <t>0467-45-1402</t>
    <phoneticPr fontId="1"/>
  </si>
  <si>
    <t>鎌倉女子大学幼稚部</t>
    <rPh sb="0" eb="2">
      <t>カマクラ</t>
    </rPh>
    <rPh sb="2" eb="5">
      <t>ジョシダイ</t>
    </rPh>
    <rPh sb="5" eb="6">
      <t>ガク</t>
    </rPh>
    <rPh sb="6" eb="9">
      <t>ヨウチブ</t>
    </rPh>
    <phoneticPr fontId="1"/>
  </si>
  <si>
    <t>鎌倉市岩瀬1420</t>
    <rPh sb="0" eb="3">
      <t>カマクラシ</t>
    </rPh>
    <rPh sb="3" eb="5">
      <t>イワセ</t>
    </rPh>
    <phoneticPr fontId="1"/>
  </si>
  <si>
    <t>0467-44-2134</t>
    <phoneticPr fontId="1"/>
  </si>
  <si>
    <t>玉縄幼稚園</t>
    <rPh sb="0" eb="2">
      <t>タマナワ</t>
    </rPh>
    <rPh sb="2" eb="5">
      <t>ヨウチエン</t>
    </rPh>
    <phoneticPr fontId="1"/>
  </si>
  <si>
    <t>鎌倉市植木129</t>
    <rPh sb="0" eb="3">
      <t>カマクラシ</t>
    </rPh>
    <rPh sb="3" eb="5">
      <t>ウエキ</t>
    </rPh>
    <phoneticPr fontId="1"/>
  </si>
  <si>
    <t>0467-46-7673</t>
    <phoneticPr fontId="1"/>
  </si>
  <si>
    <t>鎌倉しろやま幼稚園</t>
    <rPh sb="0" eb="2">
      <t>カマクラ</t>
    </rPh>
    <rPh sb="6" eb="9">
      <t>ヨウチエン</t>
    </rPh>
    <phoneticPr fontId="1"/>
  </si>
  <si>
    <t>鎌倉市城廻479</t>
    <rPh sb="0" eb="3">
      <t>カマクラシ</t>
    </rPh>
    <rPh sb="3" eb="4">
      <t>シロ</t>
    </rPh>
    <rPh sb="4" eb="5">
      <t>メグ</t>
    </rPh>
    <phoneticPr fontId="1"/>
  </si>
  <si>
    <t>0467-45-2467</t>
    <phoneticPr fontId="1"/>
  </si>
  <si>
    <t>七里が浜楓幼稚園</t>
  </si>
  <si>
    <t>046731-2626</t>
    <phoneticPr fontId="1"/>
  </si>
  <si>
    <t>認定こども園
アワーキッズ鎌倉</t>
    <rPh sb="0" eb="2">
      <t>ニンテイ</t>
    </rPh>
    <rPh sb="5" eb="6">
      <t>エン</t>
    </rPh>
    <rPh sb="13" eb="15">
      <t>カマクラ</t>
    </rPh>
    <phoneticPr fontId="1"/>
  </si>
  <si>
    <t>0467-46-2610</t>
    <phoneticPr fontId="1"/>
  </si>
  <si>
    <t>認定こども園
アワーキッズ大船</t>
    <rPh sb="0" eb="2">
      <t>ニンテイ</t>
    </rPh>
    <rPh sb="5" eb="6">
      <t>エン</t>
    </rPh>
    <rPh sb="13" eb="15">
      <t>オオブネ</t>
    </rPh>
    <phoneticPr fontId="1"/>
  </si>
  <si>
    <t>0467-84-9511</t>
    <phoneticPr fontId="1"/>
  </si>
  <si>
    <t>おおぞら幼稚園</t>
    <rPh sb="4" eb="7">
      <t>ヨウチエン</t>
    </rPh>
    <phoneticPr fontId="1"/>
  </si>
  <si>
    <t>0467-46-2932</t>
    <phoneticPr fontId="1"/>
  </si>
  <si>
    <t>認定こども園
鎌倉みどりこども園</t>
    <rPh sb="0" eb="2">
      <t>ニンテイ</t>
    </rPh>
    <rPh sb="5" eb="6">
      <t>エン</t>
    </rPh>
    <rPh sb="7" eb="9">
      <t>カマクラ</t>
    </rPh>
    <rPh sb="15" eb="16">
      <t>エン</t>
    </rPh>
    <phoneticPr fontId="1"/>
  </si>
  <si>
    <t>0467-67-5274</t>
    <phoneticPr fontId="1"/>
  </si>
  <si>
    <t>茅ヶ崎市</t>
    <rPh sb="0" eb="4">
      <t>チガサキシ</t>
    </rPh>
    <phoneticPr fontId="1"/>
  </si>
  <si>
    <t>0467-87-0576</t>
    <phoneticPr fontId="1"/>
  </si>
  <si>
    <t>0467-51-9000</t>
  </si>
  <si>
    <t>0467-82-8518</t>
    <phoneticPr fontId="1"/>
  </si>
  <si>
    <t>0467-86-5899</t>
    <phoneticPr fontId="1"/>
  </si>
  <si>
    <t>0467-82-0464</t>
    <phoneticPr fontId="1"/>
  </si>
  <si>
    <t>0467-51-0103</t>
    <phoneticPr fontId="1"/>
  </si>
  <si>
    <t>0467-52-7020</t>
    <phoneticPr fontId="1"/>
  </si>
  <si>
    <t>0467-33-5188</t>
    <phoneticPr fontId="1"/>
  </si>
  <si>
    <t>0467-87-1661</t>
    <phoneticPr fontId="1"/>
  </si>
  <si>
    <t>認定こども園聖鳩幼稚園</t>
    <phoneticPr fontId="1"/>
  </si>
  <si>
    <t>0467-82-2573</t>
    <phoneticPr fontId="1"/>
  </si>
  <si>
    <t>認定こども園湘南やまゆり幼稚園</t>
    <phoneticPr fontId="1"/>
  </si>
  <si>
    <t>0467-51-4297</t>
    <phoneticPr fontId="1"/>
  </si>
  <si>
    <t>認定こども園湘南やまゆり第二幼稚園</t>
    <phoneticPr fontId="1"/>
  </si>
  <si>
    <t>0467-85-2146</t>
    <phoneticPr fontId="1"/>
  </si>
  <si>
    <t>認定こども園湘南マドカ幼稚園</t>
    <phoneticPr fontId="1"/>
  </si>
  <si>
    <t>0467-54-2363</t>
    <phoneticPr fontId="1"/>
  </si>
  <si>
    <t>認定こども園茅ヶ崎松若こども園</t>
    <rPh sb="0" eb="2">
      <t>ニンテイ</t>
    </rPh>
    <rPh sb="5" eb="6">
      <t>エン</t>
    </rPh>
    <phoneticPr fontId="1"/>
  </si>
  <si>
    <t>認定こども園平和学園幼稚園</t>
    <rPh sb="0" eb="2">
      <t>ニンテイ</t>
    </rPh>
    <rPh sb="5" eb="6">
      <t>エン</t>
    </rPh>
    <phoneticPr fontId="1"/>
  </si>
  <si>
    <t>学校法人茅ヶ崎恵泉学園　
恵泉幼稚園</t>
    <rPh sb="0" eb="2">
      <t>ガッコウ</t>
    </rPh>
    <rPh sb="2" eb="4">
      <t>ホウジン</t>
    </rPh>
    <rPh sb="4" eb="7">
      <t>チガサキ</t>
    </rPh>
    <rPh sb="7" eb="9">
      <t>ケイセン</t>
    </rPh>
    <rPh sb="9" eb="11">
      <t>ガクエン</t>
    </rPh>
    <rPh sb="13" eb="15">
      <t>ケイセン</t>
    </rPh>
    <rPh sb="15" eb="18">
      <t>ヨウチエン</t>
    </rPh>
    <phoneticPr fontId="1"/>
  </si>
  <si>
    <t>学校法人杉崎学園　
茅ヶ崎すみれ幼稚園</t>
    <phoneticPr fontId="1"/>
  </si>
  <si>
    <t>学校法人松尾学園　
茅ヶ崎浜見平幼稚園</t>
    <rPh sb="0" eb="2">
      <t>ガッコウ</t>
    </rPh>
    <rPh sb="2" eb="4">
      <t>ホウジン</t>
    </rPh>
    <rPh sb="4" eb="6">
      <t>マツオ</t>
    </rPh>
    <rPh sb="6" eb="8">
      <t>ガクエン</t>
    </rPh>
    <rPh sb="10" eb="13">
      <t>チガサキ</t>
    </rPh>
    <rPh sb="13" eb="16">
      <t>ハマミダイラ</t>
    </rPh>
    <rPh sb="16" eb="19">
      <t>ヨウチエン</t>
    </rPh>
    <phoneticPr fontId="1"/>
  </si>
  <si>
    <t>学校法人加藤学園　
茅ヶ崎みなもと幼稚園</t>
    <rPh sb="0" eb="2">
      <t>ガッコウ</t>
    </rPh>
    <rPh sb="2" eb="4">
      <t>ホウジン</t>
    </rPh>
    <rPh sb="4" eb="6">
      <t>カトウ</t>
    </rPh>
    <rPh sb="6" eb="8">
      <t>ガクエン</t>
    </rPh>
    <rPh sb="10" eb="13">
      <t>チガサキ</t>
    </rPh>
    <rPh sb="17" eb="20">
      <t>ヨウチエン</t>
    </rPh>
    <phoneticPr fontId="1"/>
  </si>
  <si>
    <t>学校法人浜竹学園　浜竹幼稚園</t>
    <rPh sb="4" eb="6">
      <t>ハマタケ</t>
    </rPh>
    <rPh sb="6" eb="8">
      <t>ガクエン</t>
    </rPh>
    <rPh sb="9" eb="11">
      <t>ハマタケ</t>
    </rPh>
    <rPh sb="11" eb="14">
      <t>ヨウチエン</t>
    </rPh>
    <phoneticPr fontId="1"/>
  </si>
  <si>
    <t>学校法人荻野学園　
ひかりの子幼稚園</t>
    <rPh sb="0" eb="2">
      <t>ガッコウ</t>
    </rPh>
    <rPh sb="2" eb="4">
      <t>ホウジン</t>
    </rPh>
    <rPh sb="4" eb="6">
      <t>オギノ</t>
    </rPh>
    <rPh sb="6" eb="8">
      <t>ガクエン</t>
    </rPh>
    <rPh sb="14" eb="15">
      <t>コ</t>
    </rPh>
    <rPh sb="15" eb="18">
      <t>ヨウチエン</t>
    </rPh>
    <phoneticPr fontId="1"/>
  </si>
  <si>
    <t>学校法人荻野学園　
めぐみの子幼稚園</t>
    <rPh sb="0" eb="2">
      <t>ガッコウ</t>
    </rPh>
    <rPh sb="2" eb="4">
      <t>ホウジン</t>
    </rPh>
    <rPh sb="4" eb="6">
      <t>オギノ</t>
    </rPh>
    <rPh sb="6" eb="8">
      <t>ガクエン</t>
    </rPh>
    <rPh sb="14" eb="15">
      <t>コ</t>
    </rPh>
    <rPh sb="15" eb="18">
      <t>ヨウチエン</t>
    </rPh>
    <phoneticPr fontId="1"/>
  </si>
  <si>
    <t>三浦市</t>
    <rPh sb="0" eb="3">
      <t>ミウラシ</t>
    </rPh>
    <phoneticPr fontId="1"/>
  </si>
  <si>
    <t>三浦幼稚園</t>
    <rPh sb="0" eb="2">
      <t>ミウラ</t>
    </rPh>
    <rPh sb="2" eb="5">
      <t>ヨウチエン</t>
    </rPh>
    <phoneticPr fontId="1"/>
  </si>
  <si>
    <t>三浦市南下浦町上宮田479番地</t>
    <rPh sb="0" eb="10">
      <t>ミウラシミナミシタウラマチカミミヤタ</t>
    </rPh>
    <rPh sb="13" eb="15">
      <t>バンチ</t>
    </rPh>
    <phoneticPr fontId="1"/>
  </si>
  <si>
    <t>046-888-3124</t>
    <phoneticPr fontId="1"/>
  </si>
  <si>
    <t>油壷幼稚園</t>
    <rPh sb="0" eb="2">
      <t>アブラツボ</t>
    </rPh>
    <rPh sb="2" eb="5">
      <t>ヨウチエン</t>
    </rPh>
    <phoneticPr fontId="1"/>
  </si>
  <si>
    <t>三浦市三崎町諸磯79－1</t>
    <rPh sb="0" eb="3">
      <t>ミウラシ</t>
    </rPh>
    <rPh sb="3" eb="5">
      <t>ミサキ</t>
    </rPh>
    <rPh sb="5" eb="6">
      <t>マチ</t>
    </rPh>
    <rPh sb="6" eb="8">
      <t>モロイソ</t>
    </rPh>
    <phoneticPr fontId="1"/>
  </si>
  <si>
    <t>046-881-6945</t>
    <phoneticPr fontId="1"/>
  </si>
  <si>
    <t>〇</t>
    <phoneticPr fontId="1"/>
  </si>
  <si>
    <t>湯河原町</t>
    <rPh sb="0" eb="4">
      <t>ユガワラマチ</t>
    </rPh>
    <phoneticPr fontId="1"/>
  </si>
  <si>
    <t>宮上幼稚園</t>
    <rPh sb="0" eb="2">
      <t>ミヤカミ</t>
    </rPh>
    <rPh sb="2" eb="5">
      <t>ヨウチエン</t>
    </rPh>
    <phoneticPr fontId="1"/>
  </si>
  <si>
    <t>0465-62-3994</t>
    <phoneticPr fontId="1"/>
  </si>
  <si>
    <t>町立福浦幼稚園</t>
    <rPh sb="0" eb="2">
      <t>チョウリツ</t>
    </rPh>
    <rPh sb="2" eb="4">
      <t>フクウラ</t>
    </rPh>
    <rPh sb="4" eb="7">
      <t>ヨウチエン</t>
    </rPh>
    <phoneticPr fontId="1"/>
  </si>
  <si>
    <t>0465-62-6532</t>
    <phoneticPr fontId="1"/>
  </si>
  <si>
    <t>川崎市</t>
    <rPh sb="0" eb="3">
      <t>カワサキシ</t>
    </rPh>
    <phoneticPr fontId="1"/>
  </si>
  <si>
    <t>江川幼稚園</t>
    <rPh sb="2" eb="5">
      <t>ヨウチエン</t>
    </rPh>
    <phoneticPr fontId="3"/>
  </si>
  <si>
    <t>川崎市川崎区江川2-5-5</t>
  </si>
  <si>
    <t>川崎ふたば幼稚園</t>
  </si>
  <si>
    <t>川崎市川崎区大師河原2-3-20</t>
  </si>
  <si>
    <t>川崎さくら幼稚園</t>
  </si>
  <si>
    <t>川崎市川崎区台町20-1</t>
  </si>
  <si>
    <t>観音幼稚園</t>
  </si>
  <si>
    <t>川崎市川崎区観音2-1-7</t>
  </si>
  <si>
    <t>若宮幼稚園</t>
  </si>
  <si>
    <t>川崎市川崎区大師駅前2-13-16</t>
  </si>
  <si>
    <t>東三輪幼稚園</t>
  </si>
  <si>
    <t>川崎市川崎区浜町1-4-15</t>
  </si>
  <si>
    <t>三輪幼稚園</t>
  </si>
  <si>
    <t>川崎市川崎区渡田向町4-5</t>
  </si>
  <si>
    <t>小田双葉幼稚園</t>
  </si>
  <si>
    <t>川崎市川崎区小田5-25-8</t>
  </si>
  <si>
    <t>竹園幼稚園</t>
  </si>
  <si>
    <t>川崎市川崎区小田3-13-16</t>
  </si>
  <si>
    <t>川崎青い鳥幼稚園</t>
  </si>
  <si>
    <t>川崎市川崎区小田2-17-29</t>
  </si>
  <si>
    <t>川崎頌和幼稚園</t>
  </si>
  <si>
    <t>川崎市川崎区小川町11-13</t>
  </si>
  <si>
    <t>川崎協立幼稚園</t>
  </si>
  <si>
    <t>川崎市川崎区大島3-5-6</t>
  </si>
  <si>
    <t>福音幼稚園</t>
  </si>
  <si>
    <t>川崎市川崎区境町3-12</t>
  </si>
  <si>
    <t>ゆりかご幼稚園</t>
  </si>
  <si>
    <t>川崎市川崎区小田1-16-16</t>
  </si>
  <si>
    <t>浅田幼稚園</t>
  </si>
  <si>
    <t>川崎市川崎区浅田2-15-5</t>
  </si>
  <si>
    <t>大師幼稚園</t>
  </si>
  <si>
    <t>川崎市川崎区東門前1-4-9</t>
  </si>
  <si>
    <t>第一ひかり幼稚園</t>
  </si>
  <si>
    <t>川崎市川崎区貝塚1-12-12</t>
  </si>
  <si>
    <t>川崎市幸区幸町1-992-3</t>
  </si>
  <si>
    <t>梅園幼稚園</t>
  </si>
  <si>
    <t>川崎市幸区南幸町1-39</t>
  </si>
  <si>
    <t>みゆき幼稚園</t>
  </si>
  <si>
    <t>川崎市幸区小向町19-2</t>
  </si>
  <si>
    <t>小鳩幼稚園</t>
  </si>
  <si>
    <t>川崎市幸区古市場1772</t>
  </si>
  <si>
    <t>日吉幼稚園</t>
  </si>
  <si>
    <t>川崎市幸区南加瀬3-34-7</t>
  </si>
  <si>
    <t>小峰幼稚園</t>
  </si>
  <si>
    <t>川崎市幸区小倉5-11-5</t>
  </si>
  <si>
    <t>白山幼稚園</t>
  </si>
  <si>
    <t>川崎市幸区北加瀬2-13-2</t>
  </si>
  <si>
    <t>川崎こまどり幼稚園</t>
  </si>
  <si>
    <t>川崎市幸区南加瀬1-18-9</t>
  </si>
  <si>
    <t>鹿島田幼稚園</t>
  </si>
  <si>
    <t>川崎市幸区鹿島田2-22-44</t>
  </si>
  <si>
    <t>第二ひかり幼稚園</t>
  </si>
  <si>
    <t>川崎市幸区古川町16</t>
  </si>
  <si>
    <t>元住吉こばと幼稚園</t>
  </si>
  <si>
    <t>川崎市中原区木月3-59-20</t>
  </si>
  <si>
    <t>月影学園幼稚園</t>
  </si>
  <si>
    <t>川崎市中原区木月1-6-36</t>
  </si>
  <si>
    <t>東住吉幼稚園</t>
  </si>
  <si>
    <t>川崎市中原区今井南町10-58</t>
  </si>
  <si>
    <t>すみのえ幼稚園</t>
  </si>
  <si>
    <t>川崎市中原区下小田中2-32-20</t>
  </si>
  <si>
    <t>サクラノ幼稚園</t>
  </si>
  <si>
    <t>川崎市中原区下沼部2033</t>
  </si>
  <si>
    <t>平間幼稚園</t>
  </si>
  <si>
    <t>川崎市中原区上平間550</t>
  </si>
  <si>
    <t>太陽第一幼稚園</t>
  </si>
  <si>
    <t>川崎市中原区新城4-5-1</t>
  </si>
  <si>
    <t>太陽第二幼稚園</t>
  </si>
  <si>
    <t>川崎市中原区上小田中6-29-21</t>
  </si>
  <si>
    <t>大西学園幼稚園</t>
  </si>
  <si>
    <t>川崎市中原区小杉町2-284</t>
  </si>
  <si>
    <t>宮内幼稚園</t>
  </si>
  <si>
    <t>川崎市中原区宮内3-16-11</t>
  </si>
  <si>
    <t>つぼみ幼稚園</t>
  </si>
  <si>
    <t>川崎市中原区上小田中1-4-25</t>
  </si>
  <si>
    <t>大楽幼稚園</t>
  </si>
  <si>
    <t>川崎市中原区木月4-22-32</t>
  </si>
  <si>
    <t>田園調布学園大学みらいこども園</t>
    <rPh sb="0" eb="6">
      <t>デンエンチョウフガクエン</t>
    </rPh>
    <rPh sb="6" eb="8">
      <t>ダイガク</t>
    </rPh>
    <rPh sb="14" eb="15">
      <t>エン</t>
    </rPh>
    <phoneticPr fontId="1"/>
  </si>
  <si>
    <t>川崎市中原区下新城1-15-3</t>
  </si>
  <si>
    <t>諏訪幼稚園</t>
  </si>
  <si>
    <t>川崎市高津区諏訪2-16-18</t>
  </si>
  <si>
    <t>洗足学園大学附属幼稚園</t>
  </si>
  <si>
    <t>川崎市高津区久本2-3-1</t>
  </si>
  <si>
    <t>若竹幼稚園</t>
  </si>
  <si>
    <t>川崎市高津区子母口406</t>
  </si>
  <si>
    <t>川崎めぐみ幼稚園</t>
  </si>
  <si>
    <t>川崎市高津区久末50</t>
  </si>
  <si>
    <t>たちばな幼稚園</t>
  </si>
  <si>
    <t>川崎市高津区久末1892-1</t>
  </si>
  <si>
    <t>津田山幼稚園</t>
  </si>
  <si>
    <t>川崎市高津区下作延4-30-28</t>
  </si>
  <si>
    <t>梶ヶ谷幼稚園</t>
  </si>
  <si>
    <t>川崎市高津区梶ヶ谷3-6-5</t>
  </si>
  <si>
    <t>高津幼稚園</t>
  </si>
  <si>
    <t>川崎市高津区溝口2-29-2</t>
  </si>
  <si>
    <t>新作やはた幼稚園</t>
  </si>
  <si>
    <t>川崎市高津区新作4-19-10</t>
  </si>
  <si>
    <t>川崎たまがわ幼稚園</t>
  </si>
  <si>
    <t>川崎市高津区末長4-4-1</t>
  </si>
  <si>
    <t>宮前おひさまこども園</t>
  </si>
  <si>
    <t>宮前幼稚園</t>
  </si>
  <si>
    <t>有馬白百合幼稚園</t>
  </si>
  <si>
    <t>川崎市宮前区東有馬2-35-30</t>
  </si>
  <si>
    <t>宮崎二葉幼稚園</t>
  </si>
  <si>
    <t>川崎市宮前区宮前平3-5-1</t>
  </si>
  <si>
    <t>健爽学園ゆりかご幼稚園</t>
  </si>
  <si>
    <t>川崎市宮前区犬蔵1-19-16</t>
  </si>
  <si>
    <t>初山幼稚園</t>
  </si>
  <si>
    <t>川崎市宮前区初山1-2-1</t>
  </si>
  <si>
    <t>さぎぬま幼稚園</t>
  </si>
  <si>
    <t>川崎市宮前区小台1-12-16</t>
  </si>
  <si>
    <t>ひばり幼稚園</t>
  </si>
  <si>
    <t>川崎市宮前区神木2-10</t>
  </si>
  <si>
    <t>潮見台みどり幼稚園</t>
  </si>
  <si>
    <t>川崎市宮前区潮見台6-1</t>
  </si>
  <si>
    <t>宮崎台幼稚園</t>
  </si>
  <si>
    <t>川崎市宮前区宮崎2-3-3</t>
  </si>
  <si>
    <t>丸山幼稚園</t>
  </si>
  <si>
    <t>川崎市多摩区登戸1293</t>
  </si>
  <si>
    <t>カリタス幼稚園</t>
  </si>
  <si>
    <t>川崎市多摩区中野島4-6-1</t>
  </si>
  <si>
    <t>菅幼稚園</t>
  </si>
  <si>
    <t>川崎市多摩区菅2-9-1</t>
  </si>
  <si>
    <t>西三田幼稚園</t>
  </si>
  <si>
    <t>川崎市多摩区三田3-4-3</t>
  </si>
  <si>
    <t>川崎市多摩区菅北浦1-6-50</t>
  </si>
  <si>
    <t>生田ひまわり幼稚園</t>
  </si>
  <si>
    <t>川崎市多摩区栗谷1-11-6</t>
  </si>
  <si>
    <t>宿河原幼稚園</t>
  </si>
  <si>
    <t>川崎市多摩区宿河原2-24-4</t>
  </si>
  <si>
    <t>桐光学園みどり幼稚園</t>
  </si>
  <si>
    <t>川崎市多摩区宿河原3-6-9</t>
  </si>
  <si>
    <t>玉幼稚園</t>
  </si>
  <si>
    <t>川崎市多摩区宿河原5-19-1</t>
  </si>
  <si>
    <t>川崎若葉幼稚園</t>
  </si>
  <si>
    <t>川崎市多摩区長尾4-5-25</t>
  </si>
  <si>
    <t>玉川幼稚園</t>
  </si>
  <si>
    <t>川崎市多摩区登戸2474</t>
  </si>
  <si>
    <t>中野島幼稚園</t>
  </si>
  <si>
    <t>川崎市多摩区中野島3-19-2</t>
  </si>
  <si>
    <t>桐光学園寺尾みどり幼稚園</t>
  </si>
  <si>
    <t>川崎市多摩区寺尾台1-17</t>
  </si>
  <si>
    <t>百合丘さくら幼稚園</t>
  </si>
  <si>
    <t>川崎市麻生区東百合丘4-1-46</t>
  </si>
  <si>
    <t>ルミエール幼稚園</t>
  </si>
  <si>
    <t>川崎市麻生区百合丘2-13-1</t>
  </si>
  <si>
    <t>柿の実幼稚園</t>
  </si>
  <si>
    <t>川崎市麻生区上麻生7-41-1</t>
  </si>
  <si>
    <t>川崎青葉幼稚園</t>
  </si>
  <si>
    <t>川崎市麻生区上麻生4-2-2</t>
  </si>
  <si>
    <t>こうりんじ幼稚園</t>
  </si>
  <si>
    <t>川崎市麻生区細山3-2-1</t>
  </si>
  <si>
    <t>ちよがおか幼稚園</t>
  </si>
  <si>
    <t>川崎市麻生区金程4-25-1</t>
  </si>
  <si>
    <t>浦賀こども園</t>
    <rPh sb="0" eb="2">
      <t>ウラガ</t>
    </rPh>
    <rPh sb="5" eb="6">
      <t>エン</t>
    </rPh>
    <phoneticPr fontId="1"/>
  </si>
  <si>
    <t>横須賀市浦賀6-3-1</t>
    <rPh sb="0" eb="4">
      <t>ヨコスカシ</t>
    </rPh>
    <rPh sb="4" eb="6">
      <t>ウラガ</t>
    </rPh>
    <phoneticPr fontId="1"/>
  </si>
  <si>
    <t>046-841-0677</t>
  </si>
  <si>
    <t>横須賀市上町2-10</t>
    <rPh sb="0" eb="4">
      <t>ヨコスカシ</t>
    </rPh>
    <rPh sb="4" eb="6">
      <t>ウワマチ</t>
    </rPh>
    <phoneticPr fontId="1"/>
  </si>
  <si>
    <t>046-823-3857</t>
  </si>
  <si>
    <t>認定こども園追浜幼稚園</t>
    <rPh sb="0" eb="2">
      <t>ニンテイ</t>
    </rPh>
    <rPh sb="5" eb="6">
      <t>エン</t>
    </rPh>
    <rPh sb="6" eb="8">
      <t>オッパマ</t>
    </rPh>
    <rPh sb="8" eb="11">
      <t>ヨウチエン</t>
    </rPh>
    <phoneticPr fontId="1"/>
  </si>
  <si>
    <t>横須賀市鷹取1-1-2</t>
    <rPh sb="0" eb="4">
      <t>ヨコスカシ</t>
    </rPh>
    <rPh sb="4" eb="6">
      <t>タカトリ</t>
    </rPh>
    <phoneticPr fontId="1"/>
  </si>
  <si>
    <t>046-865-2008</t>
  </si>
  <si>
    <t>横須賀市追浜町2-70</t>
    <rPh sb="0" eb="4">
      <t>ヨコスカシ</t>
    </rPh>
    <rPh sb="4" eb="7">
      <t>オッパマチョウ</t>
    </rPh>
    <phoneticPr fontId="1"/>
  </si>
  <si>
    <t>046-865-2093</t>
  </si>
  <si>
    <t>公郷こども園</t>
    <rPh sb="0" eb="2">
      <t>クゴウ</t>
    </rPh>
    <rPh sb="5" eb="6">
      <t>エン</t>
    </rPh>
    <phoneticPr fontId="1"/>
  </si>
  <si>
    <t>横須賀市公郷町6-7-1</t>
    <rPh sb="0" eb="4">
      <t>ヨコスカシ</t>
    </rPh>
    <rPh sb="4" eb="7">
      <t>クゴウチョウ</t>
    </rPh>
    <phoneticPr fontId="1"/>
  </si>
  <si>
    <t>046-852-1113</t>
  </si>
  <si>
    <t>認定こども園聖佳幼稚園</t>
    <rPh sb="6" eb="7">
      <t>セイ</t>
    </rPh>
    <rPh sb="7" eb="8">
      <t>カ</t>
    </rPh>
    <rPh sb="8" eb="11">
      <t>ヨウチエン</t>
    </rPh>
    <phoneticPr fontId="1"/>
  </si>
  <si>
    <t>横須賀市坂本町1-29</t>
    <rPh sb="0" eb="4">
      <t>ヨコスカシ</t>
    </rPh>
    <rPh sb="4" eb="7">
      <t>サカモトチョウ</t>
    </rPh>
    <phoneticPr fontId="1"/>
  </si>
  <si>
    <t>046-822-0018</t>
  </si>
  <si>
    <t>認定こども園聖心第一幼稚園</t>
    <rPh sb="6" eb="8">
      <t>セイシン</t>
    </rPh>
    <rPh sb="8" eb="10">
      <t>ダイイチ</t>
    </rPh>
    <rPh sb="10" eb="13">
      <t>ヨウチエン</t>
    </rPh>
    <phoneticPr fontId="1"/>
  </si>
  <si>
    <t>横須賀市上町2-15</t>
    <rPh sb="0" eb="4">
      <t>ヨコスカシ</t>
    </rPh>
    <rPh sb="4" eb="6">
      <t>ウワマチ</t>
    </rPh>
    <phoneticPr fontId="1"/>
  </si>
  <si>
    <t>046-822-2521</t>
  </si>
  <si>
    <t>認定こども園聖心第二幼稚園</t>
    <rPh sb="6" eb="8">
      <t>セイシン</t>
    </rPh>
    <rPh sb="8" eb="10">
      <t>ダイニ</t>
    </rPh>
    <rPh sb="10" eb="13">
      <t>ヨウチエン</t>
    </rPh>
    <phoneticPr fontId="1"/>
  </si>
  <si>
    <t>横須賀市富士見町3-8</t>
    <rPh sb="0" eb="4">
      <t>ヨコスカシ</t>
    </rPh>
    <rPh sb="4" eb="8">
      <t>フジミチョウ</t>
    </rPh>
    <phoneticPr fontId="1"/>
  </si>
  <si>
    <t>046-822-6225</t>
  </si>
  <si>
    <t>認定こども園聖心第三幼稚園</t>
    <rPh sb="6" eb="8">
      <t>セイシン</t>
    </rPh>
    <rPh sb="8" eb="10">
      <t>ダイサン</t>
    </rPh>
    <rPh sb="10" eb="13">
      <t>ヨウチエン</t>
    </rPh>
    <phoneticPr fontId="1"/>
  </si>
  <si>
    <t>横須賀市汐見台2-16-15</t>
    <rPh sb="0" eb="4">
      <t>ヨコスカシ</t>
    </rPh>
    <rPh sb="4" eb="7">
      <t>シオミダイ</t>
    </rPh>
    <phoneticPr fontId="1"/>
  </si>
  <si>
    <t>046-824-0011</t>
  </si>
  <si>
    <t>認定こども園聖心桜が丘幼稚園</t>
    <rPh sb="6" eb="8">
      <t>セイシン</t>
    </rPh>
    <rPh sb="8" eb="9">
      <t>サクラ</t>
    </rPh>
    <rPh sb="10" eb="11">
      <t>オカ</t>
    </rPh>
    <rPh sb="11" eb="14">
      <t>ヨウチエン</t>
    </rPh>
    <phoneticPr fontId="1"/>
  </si>
  <si>
    <t>横須賀市桜が丘1-51-1</t>
    <rPh sb="0" eb="4">
      <t>ヨコスカシ</t>
    </rPh>
    <rPh sb="4" eb="5">
      <t>サクラ</t>
    </rPh>
    <rPh sb="6" eb="7">
      <t>オカ</t>
    </rPh>
    <phoneticPr fontId="1"/>
  </si>
  <si>
    <t>046-834-3933</t>
  </si>
  <si>
    <t>認定こども園善隣園</t>
    <rPh sb="6" eb="8">
      <t>ゼンリン</t>
    </rPh>
    <rPh sb="8" eb="9">
      <t>エン</t>
    </rPh>
    <phoneticPr fontId="1"/>
  </si>
  <si>
    <t>横須賀市田浦町2-80-1</t>
    <rPh sb="0" eb="4">
      <t>ヨコスカシ</t>
    </rPh>
    <phoneticPr fontId="1"/>
  </si>
  <si>
    <t>046-861-9777</t>
  </si>
  <si>
    <t>三和こども園</t>
    <rPh sb="0" eb="2">
      <t>サンワ</t>
    </rPh>
    <rPh sb="5" eb="6">
      <t>エン</t>
    </rPh>
    <phoneticPr fontId="1"/>
  </si>
  <si>
    <t>横須賀市田戸台26</t>
    <rPh sb="0" eb="4">
      <t>ヨコスカシ</t>
    </rPh>
    <rPh sb="4" eb="7">
      <t>タドダイ</t>
    </rPh>
    <phoneticPr fontId="1"/>
  </si>
  <si>
    <t>046-822-0479</t>
  </si>
  <si>
    <t>長岡こども園</t>
    <rPh sb="0" eb="2">
      <t>ナガオカ</t>
    </rPh>
    <rPh sb="5" eb="6">
      <t>エン</t>
    </rPh>
    <phoneticPr fontId="1"/>
  </si>
  <si>
    <t>横須賀市長沢1-25-8</t>
    <rPh sb="0" eb="4">
      <t>ヨコスカシ</t>
    </rPh>
    <rPh sb="4" eb="6">
      <t>ナガサワ</t>
    </rPh>
    <phoneticPr fontId="1"/>
  </si>
  <si>
    <t>046-848-0147</t>
  </si>
  <si>
    <t>認定こども園岩波幼稚園</t>
    <rPh sb="6" eb="8">
      <t>イワナミ</t>
    </rPh>
    <rPh sb="8" eb="11">
      <t>ヨウチエン</t>
    </rPh>
    <phoneticPr fontId="1"/>
  </si>
  <si>
    <t>横須賀市鴨居2-56-12</t>
    <rPh sb="0" eb="4">
      <t>ヨコスカシ</t>
    </rPh>
    <rPh sb="4" eb="6">
      <t>カモイ</t>
    </rPh>
    <phoneticPr fontId="1"/>
  </si>
  <si>
    <t>046-841-2188</t>
  </si>
  <si>
    <t>認定こども園あさひ幼稚園</t>
    <rPh sb="9" eb="12">
      <t>ヨウチエン</t>
    </rPh>
    <phoneticPr fontId="1"/>
  </si>
  <si>
    <t>横須賀市公郷町2-18-3</t>
    <rPh sb="0" eb="4">
      <t>ヨコスカシ</t>
    </rPh>
    <rPh sb="4" eb="7">
      <t>クゴウチョウ</t>
    </rPh>
    <phoneticPr fontId="1"/>
  </si>
  <si>
    <t>046-851-2530</t>
  </si>
  <si>
    <t>認定こども園大津幼稚園</t>
    <rPh sb="6" eb="8">
      <t>オオツ</t>
    </rPh>
    <rPh sb="8" eb="11">
      <t>ヨウチエン</t>
    </rPh>
    <phoneticPr fontId="1"/>
  </si>
  <si>
    <t>横須賀市大津町3-26-26</t>
    <rPh sb="0" eb="4">
      <t>ヨコスカシ</t>
    </rPh>
    <rPh sb="4" eb="6">
      <t>オオツ</t>
    </rPh>
    <rPh sb="6" eb="7">
      <t>チョウ</t>
    </rPh>
    <phoneticPr fontId="1"/>
  </si>
  <si>
    <t>046-836-3584</t>
  </si>
  <si>
    <t>認定こども園かもいようちえん</t>
  </si>
  <si>
    <t>横須賀市鴨居3-9-1</t>
    <rPh sb="0" eb="4">
      <t>ヨコスカシ</t>
    </rPh>
    <rPh sb="4" eb="6">
      <t>カモイ</t>
    </rPh>
    <phoneticPr fontId="1"/>
  </si>
  <si>
    <t>046-841-1491</t>
  </si>
  <si>
    <t>認定こども園相武幼稚園</t>
    <rPh sb="6" eb="7">
      <t>ソウ</t>
    </rPh>
    <rPh sb="7" eb="8">
      <t>ブ</t>
    </rPh>
    <rPh sb="8" eb="11">
      <t>ヨウチエン</t>
    </rPh>
    <phoneticPr fontId="1"/>
  </si>
  <si>
    <t>横須賀市太田和5-2665</t>
    <rPh sb="0" eb="4">
      <t>ヨコスカシ</t>
    </rPh>
    <phoneticPr fontId="1"/>
  </si>
  <si>
    <t>046-857-1029</t>
  </si>
  <si>
    <t>認定こども園南横須賀幼稚園</t>
    <rPh sb="6" eb="7">
      <t>ミナミ</t>
    </rPh>
    <rPh sb="7" eb="10">
      <t>ヨコスカ</t>
    </rPh>
    <rPh sb="10" eb="13">
      <t>ヨウチエン</t>
    </rPh>
    <phoneticPr fontId="1"/>
  </si>
  <si>
    <t>横須賀市池田町2-9-17</t>
    <rPh sb="0" eb="4">
      <t>ヨコスカシ</t>
    </rPh>
    <rPh sb="4" eb="6">
      <t>イケダ</t>
    </rPh>
    <rPh sb="6" eb="7">
      <t>チョウ</t>
    </rPh>
    <phoneticPr fontId="1"/>
  </si>
  <si>
    <t>046-834-0603</t>
  </si>
  <si>
    <t>清川村</t>
    <rPh sb="0" eb="3">
      <t>キヨカワムラ</t>
    </rPh>
    <phoneticPr fontId="1"/>
  </si>
  <si>
    <t>清川村立清川幼稚園</t>
    <rPh sb="0" eb="2">
      <t>キヨカワ</t>
    </rPh>
    <rPh sb="2" eb="4">
      <t>ソンリツ</t>
    </rPh>
    <rPh sb="4" eb="6">
      <t>キヨカワ</t>
    </rPh>
    <rPh sb="6" eb="9">
      <t>ヨウチエン</t>
    </rPh>
    <phoneticPr fontId="1"/>
  </si>
  <si>
    <t>046-288-1254</t>
  </si>
  <si>
    <t>鎌倉市七里ガ浜東3-13-12</t>
    <phoneticPr fontId="1"/>
  </si>
  <si>
    <t>鎌倉市寺分1-15-4</t>
    <rPh sb="0" eb="3">
      <t>カマクラシ</t>
    </rPh>
    <rPh sb="3" eb="5">
      <t>テラブン</t>
    </rPh>
    <phoneticPr fontId="1"/>
  </si>
  <si>
    <t>鎌倉市大船2-16-49</t>
    <phoneticPr fontId="1"/>
  </si>
  <si>
    <t>鎌倉市大船5-10-35</t>
    <rPh sb="0" eb="3">
      <t>カマクラシ</t>
    </rPh>
    <rPh sb="3" eb="5">
      <t>オオフナ</t>
    </rPh>
    <phoneticPr fontId="1"/>
  </si>
  <si>
    <t>鎌倉市植木210-1</t>
    <rPh sb="0" eb="3">
      <t>カマクラシ</t>
    </rPh>
    <rPh sb="3" eb="5">
      <t>ウエキ</t>
    </rPh>
    <phoneticPr fontId="1"/>
  </si>
  <si>
    <t>藤沢市円行2-10-13</t>
    <rPh sb="0" eb="3">
      <t>フジサワシ</t>
    </rPh>
    <rPh sb="3" eb="5">
      <t>エンギョウ</t>
    </rPh>
    <phoneticPr fontId="1"/>
  </si>
  <si>
    <t>藤沢市遠藤2958-3</t>
    <rPh sb="3" eb="5">
      <t>エンドウ</t>
    </rPh>
    <phoneticPr fontId="1"/>
  </si>
  <si>
    <t>藤沢市片瀬4-3-14</t>
    <rPh sb="3" eb="5">
      <t>カタセ</t>
    </rPh>
    <phoneticPr fontId="1"/>
  </si>
  <si>
    <t>藤沢市遠藤641-13</t>
    <rPh sb="3" eb="5">
      <t>エンドウ</t>
    </rPh>
    <phoneticPr fontId="1"/>
  </si>
  <si>
    <t>藤沢市下土棚550</t>
    <rPh sb="3" eb="6">
      <t>シモツチダナ</t>
    </rPh>
    <phoneticPr fontId="1"/>
  </si>
  <si>
    <t>藤沢市鵠沼松が岡4-1-32</t>
    <rPh sb="3" eb="6">
      <t>クゲヌママツ</t>
    </rPh>
    <rPh sb="7" eb="8">
      <t>オカ</t>
    </rPh>
    <phoneticPr fontId="1"/>
  </si>
  <si>
    <t>藤沢市湘南台7-11-10</t>
    <rPh sb="3" eb="6">
      <t>ショウナンダイ</t>
    </rPh>
    <phoneticPr fontId="1"/>
  </si>
  <si>
    <t>藤沢市高倉485-1</t>
    <rPh sb="3" eb="5">
      <t>タカクラ</t>
    </rPh>
    <phoneticPr fontId="1"/>
  </si>
  <si>
    <t>藤沢市石川3914-1</t>
    <rPh sb="3" eb="5">
      <t>イシカワ</t>
    </rPh>
    <phoneticPr fontId="1"/>
  </si>
  <si>
    <t>藤沢市高倉1039</t>
    <rPh sb="3" eb="5">
      <t>タカクラ</t>
    </rPh>
    <phoneticPr fontId="1"/>
  </si>
  <si>
    <t>藤沢市辻堂元町4-13-3</t>
    <rPh sb="3" eb="7">
      <t>ツジドウモトマチ</t>
    </rPh>
    <phoneticPr fontId="1"/>
  </si>
  <si>
    <t>藤沢市辻堂6-18-36</t>
    <rPh sb="3" eb="5">
      <t>ツジドウ</t>
    </rPh>
    <phoneticPr fontId="4"/>
  </si>
  <si>
    <t>藤沢市本鵠沼1-3-7</t>
    <rPh sb="3" eb="6">
      <t>ホンクゲヌマ</t>
    </rPh>
    <phoneticPr fontId="1"/>
  </si>
  <si>
    <t>藤沢市本藤沢5-9-9</t>
    <rPh sb="3" eb="6">
      <t>ホンフジサワ</t>
    </rPh>
    <phoneticPr fontId="1"/>
  </si>
  <si>
    <t>藤沢市大庭5055-22</t>
    <rPh sb="3" eb="5">
      <t>オオバ</t>
    </rPh>
    <phoneticPr fontId="1"/>
  </si>
  <si>
    <t>藤沢市善行7-1-4</t>
    <rPh sb="3" eb="5">
      <t>ゼンギョウ</t>
    </rPh>
    <phoneticPr fontId="1"/>
  </si>
  <si>
    <t>藤沢市亀井野1-10</t>
    <rPh sb="3" eb="6">
      <t>カメイノ</t>
    </rPh>
    <phoneticPr fontId="1"/>
  </si>
  <si>
    <t>藤沢市弥勒寺2-3-19</t>
    <rPh sb="3" eb="6">
      <t>ミロクジ</t>
    </rPh>
    <phoneticPr fontId="1"/>
  </si>
  <si>
    <t>藤沢市鵠沼海岸7-10-20</t>
    <rPh sb="3" eb="5">
      <t>クゲヌマ</t>
    </rPh>
    <rPh sb="5" eb="7">
      <t>カイガン</t>
    </rPh>
    <phoneticPr fontId="4"/>
  </si>
  <si>
    <t>藤沢市鵠沼桜が岡1-5-13</t>
    <rPh sb="3" eb="6">
      <t>クゲヌマサクラ</t>
    </rPh>
    <rPh sb="7" eb="8">
      <t>オカ</t>
    </rPh>
    <phoneticPr fontId="4"/>
  </si>
  <si>
    <t>藤沢市本町2-3-17</t>
    <rPh sb="3" eb="5">
      <t>ホンマチ</t>
    </rPh>
    <phoneticPr fontId="4"/>
  </si>
  <si>
    <t>藤沢市鵠沼松が岡1-1-6</t>
    <rPh sb="3" eb="6">
      <t>クゲヌママツ</t>
    </rPh>
    <rPh sb="7" eb="8">
      <t>オカ</t>
    </rPh>
    <phoneticPr fontId="4"/>
  </si>
  <si>
    <t>藤沢市鵠沼花沢町2-5</t>
    <rPh sb="3" eb="8">
      <t>クゲヌマハナザワチョウ</t>
    </rPh>
    <phoneticPr fontId="4"/>
  </si>
  <si>
    <t>藤沢市湘南台5-28-1</t>
    <rPh sb="3" eb="6">
      <t>ショウナンダイ</t>
    </rPh>
    <phoneticPr fontId="4"/>
  </si>
  <si>
    <t>茅ヶ崎市中海岸3-1-19</t>
    <rPh sb="0" eb="4">
      <t>チガサキシ</t>
    </rPh>
    <rPh sb="4" eb="5">
      <t>ナカ</t>
    </rPh>
    <rPh sb="5" eb="7">
      <t>カイガン</t>
    </rPh>
    <phoneticPr fontId="1"/>
  </si>
  <si>
    <t>茅ヶ崎市高田2-2-3</t>
    <phoneticPr fontId="1"/>
  </si>
  <si>
    <t>茅ヶ崎市松尾6-11</t>
    <rPh sb="0" eb="4">
      <t>チガサキシ</t>
    </rPh>
    <rPh sb="4" eb="6">
      <t>マツオ</t>
    </rPh>
    <phoneticPr fontId="1"/>
  </si>
  <si>
    <t>茅ヶ崎市萩園2217</t>
    <rPh sb="0" eb="4">
      <t>チガサキシ</t>
    </rPh>
    <rPh sb="4" eb="6">
      <t>ハギゾノ</t>
    </rPh>
    <phoneticPr fontId="1"/>
  </si>
  <si>
    <t>茅ヶ崎市浜竹3-4-53</t>
    <rPh sb="0" eb="4">
      <t>チガサキシ</t>
    </rPh>
    <rPh sb="4" eb="6">
      <t>ハマタケ</t>
    </rPh>
    <phoneticPr fontId="1"/>
  </si>
  <si>
    <t>茅ヶ崎市芹沢913</t>
    <rPh sb="0" eb="4">
      <t>チガサキシ</t>
    </rPh>
    <rPh sb="4" eb="6">
      <t>セリザワ</t>
    </rPh>
    <phoneticPr fontId="1"/>
  </si>
  <si>
    <t>茅ヶ崎市下寺尾406-1</t>
    <rPh sb="0" eb="4">
      <t>チガサキシ</t>
    </rPh>
    <rPh sb="4" eb="7">
      <t>シモテラオ</t>
    </rPh>
    <phoneticPr fontId="1"/>
  </si>
  <si>
    <t>茅ヶ崎市小和田二丁目12番47号</t>
    <phoneticPr fontId="1"/>
  </si>
  <si>
    <t>茅ヶ崎市富士見町5番2号</t>
    <phoneticPr fontId="1"/>
  </si>
  <si>
    <t>茅ヶ崎市東海岸北三丁目10番4号</t>
    <phoneticPr fontId="1"/>
  </si>
  <si>
    <t>茅ヶ崎市円蔵二丁目14番12号</t>
    <phoneticPr fontId="1"/>
  </si>
  <si>
    <t>茅ヶ崎市円蔵2350番地</t>
    <phoneticPr fontId="1"/>
  </si>
  <si>
    <t>茅ヶ崎市円蔵一丁目20番15号</t>
    <phoneticPr fontId="1"/>
  </si>
  <si>
    <t>秦野市文京町1番10号</t>
    <phoneticPr fontId="1"/>
  </si>
  <si>
    <t>秦野市今泉699番地</t>
    <phoneticPr fontId="1"/>
  </si>
  <si>
    <t>秦野市寺山509番地</t>
    <phoneticPr fontId="1"/>
  </si>
  <si>
    <t>秦野市菩提375番地</t>
    <phoneticPr fontId="1"/>
  </si>
  <si>
    <t>秦野市並木町8番1号</t>
    <phoneticPr fontId="1"/>
  </si>
  <si>
    <t>秦野市堀川109番地の2</t>
    <phoneticPr fontId="1"/>
  </si>
  <si>
    <t>秦野市末広町6番35号</t>
    <phoneticPr fontId="1"/>
  </si>
  <si>
    <t>秦野市鶴巻2248番地の1</t>
    <phoneticPr fontId="1"/>
  </si>
  <si>
    <t>秦野市緑町16番2号</t>
    <phoneticPr fontId="1"/>
  </si>
  <si>
    <t>秦野市渋沢上一丁目12番2号</t>
    <phoneticPr fontId="1"/>
  </si>
  <si>
    <t>秦野市鶴巻南四丁目22番26号</t>
    <phoneticPr fontId="1"/>
  </si>
  <si>
    <t>秦野市尾尻952番地の16</t>
    <phoneticPr fontId="1"/>
  </si>
  <si>
    <t>秦野市沼代新町3番42号</t>
    <phoneticPr fontId="1"/>
  </si>
  <si>
    <t>秦野市鈴張町2番22号</t>
    <phoneticPr fontId="1"/>
  </si>
  <si>
    <t>秦野市南が丘二丁目1番地</t>
    <phoneticPr fontId="1"/>
  </si>
  <si>
    <t>湯河原町宮上184番地</t>
    <rPh sb="0" eb="4">
      <t>ユガワラマチ</t>
    </rPh>
    <rPh sb="4" eb="6">
      <t>ミヤカミ</t>
    </rPh>
    <rPh sb="9" eb="11">
      <t>バンチ</t>
    </rPh>
    <phoneticPr fontId="1"/>
  </si>
  <si>
    <t>逗子市</t>
    <rPh sb="0" eb="3">
      <t>ズシシ</t>
    </rPh>
    <phoneticPr fontId="1"/>
  </si>
  <si>
    <t>〇</t>
  </si>
  <si>
    <t>かぐのみ幼稚園</t>
    <rPh sb="4" eb="7">
      <t>ヨウチエン</t>
    </rPh>
    <phoneticPr fontId="1"/>
  </si>
  <si>
    <t>第二逗子幼稚園</t>
    <rPh sb="0" eb="1">
      <t>ダイ</t>
    </rPh>
    <rPh sb="1" eb="2">
      <t>ニ</t>
    </rPh>
    <rPh sb="2" eb="4">
      <t>ズシ</t>
    </rPh>
    <rPh sb="4" eb="7">
      <t>ヨウチエン</t>
    </rPh>
    <phoneticPr fontId="1"/>
  </si>
  <si>
    <t>046-871-3165</t>
  </si>
  <si>
    <t>聖マリア幼稚園</t>
    <rPh sb="0" eb="1">
      <t>セイ</t>
    </rPh>
    <rPh sb="4" eb="7">
      <t>ヨウチエン</t>
    </rPh>
    <phoneticPr fontId="1"/>
  </si>
  <si>
    <t>046-871-6337</t>
  </si>
  <si>
    <t>逗子幼稚園</t>
    <rPh sb="0" eb="2">
      <t>ズシ</t>
    </rPh>
    <rPh sb="2" eb="5">
      <t>ヨウチエン</t>
    </rPh>
    <phoneticPr fontId="1"/>
  </si>
  <si>
    <t>逗子市逗子3-1-17</t>
    <rPh sb="0" eb="3">
      <t>ズシシ</t>
    </rPh>
    <rPh sb="3" eb="5">
      <t>ズシ</t>
    </rPh>
    <phoneticPr fontId="1"/>
  </si>
  <si>
    <t>×</t>
    <phoneticPr fontId="1"/>
  </si>
  <si>
    <t>逗子市沼間4-1-1</t>
    <rPh sb="0" eb="3">
      <t>ズシシ</t>
    </rPh>
    <rPh sb="3" eb="4">
      <t>ヌマ</t>
    </rPh>
    <rPh sb="4" eb="5">
      <t>マ</t>
    </rPh>
    <phoneticPr fontId="1"/>
  </si>
  <si>
    <t>逗子市久木4-14-15</t>
    <rPh sb="0" eb="3">
      <t>ズシシ</t>
    </rPh>
    <rPh sb="3" eb="5">
      <t>ヒサギ</t>
    </rPh>
    <phoneticPr fontId="1"/>
  </si>
  <si>
    <t>逗子市逗子6-8-47</t>
    <rPh sb="0" eb="3">
      <t>ズシシ</t>
    </rPh>
    <rPh sb="3" eb="5">
      <t>ズシ</t>
    </rPh>
    <phoneticPr fontId="1"/>
  </si>
  <si>
    <t>幼保連携型認定こども園
うわまち幼稚園</t>
    <rPh sb="0" eb="1">
      <t>ヨウ</t>
    </rPh>
    <rPh sb="1" eb="2">
      <t>ホ</t>
    </rPh>
    <rPh sb="2" eb="5">
      <t>レンケイガタ</t>
    </rPh>
    <rPh sb="5" eb="7">
      <t>ニンテイ</t>
    </rPh>
    <rPh sb="10" eb="11">
      <t>エン</t>
    </rPh>
    <rPh sb="16" eb="19">
      <t>ヨウチエン</t>
    </rPh>
    <phoneticPr fontId="1"/>
  </si>
  <si>
    <t>キッズアカデミー
ぎんのすずこども園</t>
    <rPh sb="17" eb="18">
      <t>エン</t>
    </rPh>
    <phoneticPr fontId="1"/>
  </si>
  <si>
    <t>座間市</t>
    <rPh sb="0" eb="3">
      <t>ザマシ</t>
    </rPh>
    <phoneticPr fontId="1"/>
  </si>
  <si>
    <t>栗原幼稚園</t>
    <rPh sb="0" eb="2">
      <t>クリハラ</t>
    </rPh>
    <rPh sb="2" eb="5">
      <t>ヨウチエン</t>
    </rPh>
    <phoneticPr fontId="1"/>
  </si>
  <si>
    <t>046-253-4652</t>
  </si>
  <si>
    <t>東原幼稚園</t>
    <rPh sb="0" eb="2">
      <t>ヒガシハラ</t>
    </rPh>
    <rPh sb="2" eb="5">
      <t>ヨウチエン</t>
    </rPh>
    <phoneticPr fontId="1"/>
  </si>
  <si>
    <t>046-251-1107</t>
  </si>
  <si>
    <t>小松原幼稚園</t>
    <rPh sb="0" eb="3">
      <t>コマツバラ</t>
    </rPh>
    <rPh sb="3" eb="6">
      <t>ヨウチエン</t>
    </rPh>
    <phoneticPr fontId="1"/>
  </si>
  <si>
    <t>046-254-2325</t>
  </si>
  <si>
    <t>座間幼稚園</t>
    <rPh sb="0" eb="2">
      <t>ザマ</t>
    </rPh>
    <rPh sb="2" eb="5">
      <t>ヨウチエン</t>
    </rPh>
    <phoneticPr fontId="1"/>
  </si>
  <si>
    <t>046-251-0350</t>
  </si>
  <si>
    <t>鈴鹿幼稚園</t>
    <rPh sb="0" eb="2">
      <t>スズカ</t>
    </rPh>
    <rPh sb="2" eb="5">
      <t>ヨウチエン</t>
    </rPh>
    <phoneticPr fontId="1"/>
  </si>
  <si>
    <t>046-251-6200</t>
  </si>
  <si>
    <t>やなせ幼稚園</t>
    <rPh sb="3" eb="6">
      <t>ヨウチエン</t>
    </rPh>
    <phoneticPr fontId="1"/>
  </si>
  <si>
    <t>046-255-2024</t>
  </si>
  <si>
    <t>相武台幼稚園</t>
    <rPh sb="0" eb="3">
      <t>ソウブダイ</t>
    </rPh>
    <rPh sb="3" eb="6">
      <t>ヨウチエン</t>
    </rPh>
    <phoneticPr fontId="1"/>
  </si>
  <si>
    <t>046-251-2724</t>
  </si>
  <si>
    <t>ひばりが丘幼稚園</t>
    <rPh sb="4" eb="8">
      <t>オカヨウチエン</t>
    </rPh>
    <phoneticPr fontId="1"/>
  </si>
  <si>
    <t>046-252-1411</t>
  </si>
  <si>
    <t>座間孝道幼稚園</t>
    <rPh sb="0" eb="2">
      <t>ザマ</t>
    </rPh>
    <rPh sb="2" eb="4">
      <t>コウドウ</t>
    </rPh>
    <rPh sb="4" eb="7">
      <t>ヨウチエン</t>
    </rPh>
    <phoneticPr fontId="1"/>
  </si>
  <si>
    <t>046-255-3200</t>
  </si>
  <si>
    <t>座間市南栗原1-11-3</t>
    <rPh sb="0" eb="3">
      <t>ザマシ</t>
    </rPh>
    <rPh sb="3" eb="4">
      <t>ミナミ</t>
    </rPh>
    <rPh sb="4" eb="6">
      <t>クリハラ</t>
    </rPh>
    <phoneticPr fontId="1"/>
  </si>
  <si>
    <t>座間市東原2-16-3</t>
    <rPh sb="0" eb="3">
      <t>ザマシ</t>
    </rPh>
    <rPh sb="3" eb="4">
      <t>ヒガシ</t>
    </rPh>
    <rPh sb="4" eb="5">
      <t>ハラ</t>
    </rPh>
    <phoneticPr fontId="1"/>
  </si>
  <si>
    <t>座間市小松原2-35-25</t>
    <rPh sb="0" eb="3">
      <t>ザマシ</t>
    </rPh>
    <rPh sb="3" eb="6">
      <t>コマツバラ</t>
    </rPh>
    <phoneticPr fontId="1"/>
  </si>
  <si>
    <t>座間市座間1-3298-3</t>
    <rPh sb="0" eb="3">
      <t>ザマシ</t>
    </rPh>
    <rPh sb="3" eb="5">
      <t>ザマ</t>
    </rPh>
    <phoneticPr fontId="1"/>
  </si>
  <si>
    <t>座間市入谷1-3116</t>
    <rPh sb="0" eb="3">
      <t>ザマシ</t>
    </rPh>
    <rPh sb="3" eb="5">
      <t>イリヤ</t>
    </rPh>
    <phoneticPr fontId="1"/>
  </si>
  <si>
    <t>座間市入谷東2-11-18</t>
    <rPh sb="0" eb="3">
      <t>ザマシ</t>
    </rPh>
    <rPh sb="3" eb="5">
      <t>イリヤ</t>
    </rPh>
    <rPh sb="5" eb="6">
      <t>ヒガシ</t>
    </rPh>
    <phoneticPr fontId="1"/>
  </si>
  <si>
    <t>座間市相武台4-1-19</t>
    <rPh sb="0" eb="3">
      <t>ザマシ</t>
    </rPh>
    <rPh sb="3" eb="6">
      <t>ソウブダイ</t>
    </rPh>
    <phoneticPr fontId="1"/>
  </si>
  <si>
    <t>座間市ひばりが丘2-44-26</t>
    <rPh sb="0" eb="3">
      <t>ザマシ</t>
    </rPh>
    <rPh sb="7" eb="8">
      <t>オカ</t>
    </rPh>
    <phoneticPr fontId="1"/>
  </si>
  <si>
    <t>座間市相模が丘3-66-29</t>
    <rPh sb="0" eb="3">
      <t>ザマシ</t>
    </rPh>
    <rPh sb="3" eb="5">
      <t>サガミ</t>
    </rPh>
    <rPh sb="6" eb="7">
      <t>オカ</t>
    </rPh>
    <phoneticPr fontId="1"/>
  </si>
  <si>
    <t>椿の御所幼稚園</t>
    <rPh sb="0" eb="1">
      <t>ツバキ</t>
    </rPh>
    <rPh sb="2" eb="4">
      <t>ゴショ</t>
    </rPh>
    <rPh sb="4" eb="7">
      <t>ヨウチエン</t>
    </rPh>
    <phoneticPr fontId="1"/>
  </si>
  <si>
    <t>三浦市向ヶ崎町11番1号</t>
    <rPh sb="0" eb="3">
      <t>ミウラシ</t>
    </rPh>
    <rPh sb="3" eb="4">
      <t>ム</t>
    </rPh>
    <rPh sb="5" eb="6">
      <t>ザキ</t>
    </rPh>
    <rPh sb="6" eb="7">
      <t>マチ</t>
    </rPh>
    <rPh sb="9" eb="10">
      <t>バン</t>
    </rPh>
    <rPh sb="11" eb="12">
      <t>ゴウ</t>
    </rPh>
    <phoneticPr fontId="1"/>
  </si>
  <si>
    <t>聖和学院幼稚園</t>
    <rPh sb="0" eb="2">
      <t>セイワ</t>
    </rPh>
    <rPh sb="2" eb="4">
      <t>ガクイン</t>
    </rPh>
    <rPh sb="4" eb="7">
      <t>ヨウチエン</t>
    </rPh>
    <phoneticPr fontId="1"/>
  </si>
  <si>
    <t>逗子市久木2-2-1</t>
    <rPh sb="0" eb="3">
      <t>ズシシ</t>
    </rPh>
    <rPh sb="3" eb="5">
      <t>ヒサギ</t>
    </rPh>
    <phoneticPr fontId="1"/>
  </si>
  <si>
    <t>046-871-2670</t>
  </si>
  <si>
    <t>認定こども園華綾幼稚園</t>
    <rPh sb="0" eb="2">
      <t>ニンテイ</t>
    </rPh>
    <rPh sb="5" eb="6">
      <t>エン</t>
    </rPh>
    <rPh sb="6" eb="7">
      <t>カ</t>
    </rPh>
    <rPh sb="7" eb="8">
      <t>リョウ</t>
    </rPh>
    <rPh sb="8" eb="11">
      <t>ヨウチエン</t>
    </rPh>
    <phoneticPr fontId="1"/>
  </si>
  <si>
    <t>×</t>
    <phoneticPr fontId="1"/>
  </si>
  <si>
    <t>大和市</t>
    <rPh sb="0" eb="3">
      <t>ヤマトシ</t>
    </rPh>
    <phoneticPr fontId="1"/>
  </si>
  <si>
    <t>　</t>
    <phoneticPr fontId="1"/>
  </si>
  <si>
    <t>つきみ野幼稚園</t>
    <rPh sb="3" eb="4">
      <t>ノ</t>
    </rPh>
    <rPh sb="4" eb="7">
      <t>ヨウチエン</t>
    </rPh>
    <phoneticPr fontId="1"/>
  </si>
  <si>
    <t>大和市中央林間8-14-21</t>
    <rPh sb="0" eb="3">
      <t>ヤマトシ</t>
    </rPh>
    <rPh sb="3" eb="7">
      <t>チュウオウリンカン</t>
    </rPh>
    <phoneticPr fontId="1"/>
  </si>
  <si>
    <t>046-275-1355</t>
    <phoneticPr fontId="1"/>
  </si>
  <si>
    <t>×</t>
    <phoneticPr fontId="1"/>
  </si>
  <si>
    <t>　</t>
    <phoneticPr fontId="1"/>
  </si>
  <si>
    <t>スミレ幼稚園</t>
    <rPh sb="3" eb="6">
      <t>ヨウチエン</t>
    </rPh>
    <phoneticPr fontId="1"/>
  </si>
  <si>
    <t>大和市南林間7-4-1</t>
    <rPh sb="0" eb="3">
      <t>ヤマトシ</t>
    </rPh>
    <rPh sb="3" eb="6">
      <t>ミナミリンカン</t>
    </rPh>
    <phoneticPr fontId="1"/>
  </si>
  <si>
    <t>046-274-9222</t>
    <phoneticPr fontId="1"/>
  </si>
  <si>
    <t>×</t>
    <phoneticPr fontId="1"/>
  </si>
  <si>
    <t>モミヤマ幼稚園</t>
    <rPh sb="4" eb="7">
      <t>ヨウチエン</t>
    </rPh>
    <phoneticPr fontId="1"/>
  </si>
  <si>
    <t>大和市福田5-17-2</t>
    <rPh sb="0" eb="3">
      <t>ヤマトシ</t>
    </rPh>
    <rPh sb="3" eb="5">
      <t>フクダ</t>
    </rPh>
    <phoneticPr fontId="1"/>
  </si>
  <si>
    <t>046-269-4345</t>
    <phoneticPr fontId="1"/>
  </si>
  <si>
    <t>大和みどりが丘幼稚園</t>
    <rPh sb="0" eb="2">
      <t>ヤマト</t>
    </rPh>
    <rPh sb="6" eb="7">
      <t>オカ</t>
    </rPh>
    <rPh sb="7" eb="10">
      <t>ヨウチエン</t>
    </rPh>
    <phoneticPr fontId="1"/>
  </si>
  <si>
    <t>大和市福田1698-1</t>
    <rPh sb="0" eb="3">
      <t>ヤマトシ</t>
    </rPh>
    <rPh sb="3" eb="5">
      <t>フクダ</t>
    </rPh>
    <phoneticPr fontId="1"/>
  </si>
  <si>
    <t>つるま幼稚園</t>
    <rPh sb="3" eb="6">
      <t>ヨウチエン</t>
    </rPh>
    <phoneticPr fontId="1"/>
  </si>
  <si>
    <t>大和市西鶴間3-7-19</t>
    <rPh sb="0" eb="3">
      <t>ヤマトシ</t>
    </rPh>
    <rPh sb="3" eb="6">
      <t>ニシツルマ</t>
    </rPh>
    <phoneticPr fontId="1"/>
  </si>
  <si>
    <t>046-261-0651</t>
    <phoneticPr fontId="1"/>
  </si>
  <si>
    <t>0463-73-1513</t>
    <phoneticPr fontId="1"/>
  </si>
  <si>
    <t>やまゆりこども園</t>
    <phoneticPr fontId="1"/>
  </si>
  <si>
    <t>にっしん幼稚園</t>
    <rPh sb="4" eb="7">
      <t>ヨウチエン</t>
    </rPh>
    <phoneticPr fontId="1"/>
  </si>
  <si>
    <t>046-232-0890</t>
    <phoneticPr fontId="1"/>
  </si>
  <si>
    <t>×</t>
    <phoneticPr fontId="1"/>
  </si>
  <si>
    <t>認定こども園伊勢原八雲幼稚園</t>
    <rPh sb="0" eb="2">
      <t>ニンテイ</t>
    </rPh>
    <rPh sb="5" eb="6">
      <t>エン</t>
    </rPh>
    <rPh sb="6" eb="9">
      <t>イセハラ</t>
    </rPh>
    <rPh sb="9" eb="14">
      <t>ヤクモヨウチエン</t>
    </rPh>
    <phoneticPr fontId="1"/>
  </si>
  <si>
    <t>認定こども園伊勢原ひかり幼稚園</t>
    <rPh sb="0" eb="2">
      <t>ニンテイ</t>
    </rPh>
    <rPh sb="5" eb="6">
      <t>エン</t>
    </rPh>
    <rPh sb="6" eb="9">
      <t>イセハラ</t>
    </rPh>
    <rPh sb="12" eb="15">
      <t>ヨウチエン</t>
    </rPh>
    <phoneticPr fontId="1"/>
  </si>
  <si>
    <t>女躰神社こども園</t>
    <phoneticPr fontId="1"/>
  </si>
  <si>
    <t>0467-78-4187</t>
    <phoneticPr fontId="1"/>
  </si>
  <si>
    <t>0467-78-1794</t>
    <phoneticPr fontId="1"/>
  </si>
  <si>
    <t>ピッピことりこども園</t>
    <phoneticPr fontId="1"/>
  </si>
  <si>
    <t>綾瀬市吉岡1526</t>
    <phoneticPr fontId="1"/>
  </si>
  <si>
    <t>0467-78-5012</t>
    <phoneticPr fontId="1"/>
  </si>
  <si>
    <t>0463-31-5921</t>
    <phoneticPr fontId="1"/>
  </si>
  <si>
    <t>真鶴町</t>
    <rPh sb="0" eb="3">
      <t>マナヅルマチ</t>
    </rPh>
    <phoneticPr fontId="1"/>
  </si>
  <si>
    <t>真鶴町立ひなづる幼稚園</t>
    <rPh sb="0" eb="2">
      <t>マナヅル</t>
    </rPh>
    <rPh sb="2" eb="4">
      <t>チョウリツ</t>
    </rPh>
    <rPh sb="8" eb="11">
      <t>ヨウチエン</t>
    </rPh>
    <phoneticPr fontId="1"/>
  </si>
  <si>
    <t>0465-68-2085</t>
  </si>
  <si>
    <t>真鶴町真鶴1412番地3</t>
    <rPh sb="0" eb="3">
      <t>マナヅルマチ</t>
    </rPh>
    <rPh sb="3" eb="5">
      <t>マナヅル</t>
    </rPh>
    <rPh sb="9" eb="11">
      <t>バンチ</t>
    </rPh>
    <phoneticPr fontId="1"/>
  </si>
  <si>
    <t>清川村煤ヶ谷2130番地</t>
    <rPh sb="0" eb="3">
      <t>キヨカワムラ</t>
    </rPh>
    <rPh sb="3" eb="4">
      <t>スス</t>
    </rPh>
    <rPh sb="5" eb="6">
      <t>ヤ</t>
    </rPh>
    <rPh sb="10" eb="12">
      <t>バンチ</t>
    </rPh>
    <phoneticPr fontId="1"/>
  </si>
  <si>
    <t>聖クララ幼稚園</t>
    <rPh sb="0" eb="1">
      <t>セイ</t>
    </rPh>
    <rPh sb="4" eb="7">
      <t>ヨウチエン</t>
    </rPh>
    <phoneticPr fontId="1"/>
  </si>
  <si>
    <t>川崎市川崎区貝塚2-8-16</t>
    <rPh sb="0" eb="3">
      <t>カワサキシ</t>
    </rPh>
    <rPh sb="3" eb="6">
      <t>カワサキク</t>
    </rPh>
    <rPh sb="6" eb="8">
      <t>カイヅカ</t>
    </rPh>
    <phoneticPr fontId="1"/>
  </si>
  <si>
    <t>認定こども園　あかね幼稚園</t>
    <rPh sb="0" eb="2">
      <t>ニンテイ</t>
    </rPh>
    <rPh sb="5" eb="6">
      <t>エン</t>
    </rPh>
    <phoneticPr fontId="1"/>
  </si>
  <si>
    <t>認定こども園　うのもり幼稚園</t>
    <rPh sb="0" eb="2">
      <t>ニンテイ</t>
    </rPh>
    <rPh sb="5" eb="6">
      <t>エン</t>
    </rPh>
    <phoneticPr fontId="1"/>
  </si>
  <si>
    <t>認定こども園　相模すぎのこ幼稚園</t>
    <rPh sb="0" eb="2">
      <t>ニンテイ</t>
    </rPh>
    <rPh sb="5" eb="6">
      <t>エン</t>
    </rPh>
    <phoneticPr fontId="1"/>
  </si>
  <si>
    <t>認定こども園　相模ひまわり幼稚園</t>
    <rPh sb="0" eb="2">
      <t>ニンテイ</t>
    </rPh>
    <rPh sb="5" eb="6">
      <t>エン</t>
    </rPh>
    <phoneticPr fontId="1"/>
  </si>
  <si>
    <t>〇</t>
    <phoneticPr fontId="1"/>
  </si>
  <si>
    <t>認定こども園　たけのうち幼稚園</t>
    <rPh sb="0" eb="2">
      <t>ニンテイ</t>
    </rPh>
    <rPh sb="5" eb="6">
      <t>エン</t>
    </rPh>
    <phoneticPr fontId="1"/>
  </si>
  <si>
    <t>認定こども園　つくしの幼稚園</t>
    <rPh sb="0" eb="2">
      <t>ニンテイ</t>
    </rPh>
    <rPh sb="5" eb="6">
      <t>エン</t>
    </rPh>
    <phoneticPr fontId="1"/>
  </si>
  <si>
    <t>相模原市</t>
    <rPh sb="0" eb="4">
      <t>サガミハラシ</t>
    </rPh>
    <phoneticPr fontId="1"/>
  </si>
  <si>
    <t>二本松こども園</t>
    <rPh sb="0" eb="3">
      <t>ニホンマツ</t>
    </rPh>
    <rPh sb="6" eb="7">
      <t>エン</t>
    </rPh>
    <phoneticPr fontId="1"/>
  </si>
  <si>
    <t>相模原市緑区二本松2-30-30</t>
    <rPh sb="0" eb="4">
      <t>サガミハラシ</t>
    </rPh>
    <rPh sb="4" eb="6">
      <t>ミドリク</t>
    </rPh>
    <rPh sb="6" eb="9">
      <t>ニホンマツ</t>
    </rPh>
    <phoneticPr fontId="1"/>
  </si>
  <si>
    <t>南橋本みたけこども園</t>
    <rPh sb="0" eb="1">
      <t>ミナミ</t>
    </rPh>
    <rPh sb="1" eb="3">
      <t>ハシモト</t>
    </rPh>
    <rPh sb="9" eb="10">
      <t>エン</t>
    </rPh>
    <phoneticPr fontId="1"/>
  </si>
  <si>
    <t>相模原市中央区南橋本3-4-21</t>
    <rPh sb="0" eb="4">
      <t>サガミハラシ</t>
    </rPh>
    <rPh sb="4" eb="7">
      <t>チュウオウク</t>
    </rPh>
    <rPh sb="7" eb="8">
      <t>ミナミ</t>
    </rPh>
    <rPh sb="8" eb="10">
      <t>ハシモト</t>
    </rPh>
    <phoneticPr fontId="1"/>
  </si>
  <si>
    <t>西橋本みたけこども園</t>
    <rPh sb="0" eb="1">
      <t>ニシ</t>
    </rPh>
    <rPh sb="1" eb="3">
      <t>ハシモト</t>
    </rPh>
    <rPh sb="9" eb="10">
      <t>エン</t>
    </rPh>
    <phoneticPr fontId="1"/>
  </si>
  <si>
    <t>相模原市緑区西橋本2-20-12</t>
    <rPh sb="0" eb="4">
      <t>サガミハラシ</t>
    </rPh>
    <rPh sb="4" eb="6">
      <t>ミドリク</t>
    </rPh>
    <rPh sb="6" eb="7">
      <t>ニシ</t>
    </rPh>
    <rPh sb="7" eb="9">
      <t>ハシモト</t>
    </rPh>
    <phoneticPr fontId="1"/>
  </si>
  <si>
    <t>〇</t>
    <phoneticPr fontId="1"/>
  </si>
  <si>
    <t>小町通みたけこども園</t>
    <rPh sb="0" eb="2">
      <t>コマチ</t>
    </rPh>
    <rPh sb="2" eb="3">
      <t>ドオリ</t>
    </rPh>
    <rPh sb="9" eb="10">
      <t>エン</t>
    </rPh>
    <phoneticPr fontId="1"/>
  </si>
  <si>
    <t>相模原市中央区小町通2-2-14</t>
    <rPh sb="0" eb="4">
      <t>サガミハラシ</t>
    </rPh>
    <rPh sb="4" eb="7">
      <t>チュウオウク</t>
    </rPh>
    <rPh sb="7" eb="9">
      <t>コマチ</t>
    </rPh>
    <rPh sb="9" eb="10">
      <t>ドオリ</t>
    </rPh>
    <phoneticPr fontId="1"/>
  </si>
  <si>
    <t>さいわいこども園</t>
    <rPh sb="7" eb="8">
      <t>エン</t>
    </rPh>
    <phoneticPr fontId="1"/>
  </si>
  <si>
    <t>相模原市南区相模大野9-15-36</t>
    <rPh sb="0" eb="4">
      <t>サガミハラシ</t>
    </rPh>
    <rPh sb="4" eb="6">
      <t>ミナミク</t>
    </rPh>
    <rPh sb="6" eb="10">
      <t>サガミオオノ</t>
    </rPh>
    <phoneticPr fontId="1"/>
  </si>
  <si>
    <t>りとせ橋本こども園</t>
    <rPh sb="3" eb="5">
      <t>ハシモト</t>
    </rPh>
    <rPh sb="8" eb="9">
      <t>エン</t>
    </rPh>
    <phoneticPr fontId="1"/>
  </si>
  <si>
    <t>相模原市緑区橋本6-22-8</t>
    <rPh sb="0" eb="4">
      <t>サガミハラシ</t>
    </rPh>
    <rPh sb="4" eb="6">
      <t>ミドリク</t>
    </rPh>
    <rPh sb="6" eb="8">
      <t>ハシモト</t>
    </rPh>
    <phoneticPr fontId="1"/>
  </si>
  <si>
    <t>相模原市</t>
    <rPh sb="0" eb="3">
      <t>サガミハラ</t>
    </rPh>
    <rPh sb="3" eb="4">
      <t>シ</t>
    </rPh>
    <phoneticPr fontId="1"/>
  </si>
  <si>
    <t>りとせ相模大野こども園</t>
    <rPh sb="3" eb="7">
      <t>サガミオオノ</t>
    </rPh>
    <rPh sb="10" eb="11">
      <t>エン</t>
    </rPh>
    <phoneticPr fontId="1"/>
  </si>
  <si>
    <t>相模原市南区相模大野3-16-18</t>
    <rPh sb="0" eb="4">
      <t>サガミハラシ</t>
    </rPh>
    <rPh sb="4" eb="6">
      <t>ミナミク</t>
    </rPh>
    <rPh sb="6" eb="10">
      <t>サガミオオノ</t>
    </rPh>
    <phoneticPr fontId="1"/>
  </si>
  <si>
    <t>岩戸こども園</t>
    <rPh sb="0" eb="2">
      <t>イワト</t>
    </rPh>
    <rPh sb="5" eb="6">
      <t>エン</t>
    </rPh>
    <phoneticPr fontId="1"/>
  </si>
  <si>
    <t>〇</t>
    <phoneticPr fontId="1"/>
  </si>
  <si>
    <t>横須賀市</t>
    <rPh sb="0" eb="4">
      <t>ヨコスカシ</t>
    </rPh>
    <phoneticPr fontId="1"/>
  </si>
  <si>
    <t>〇</t>
    <phoneticPr fontId="1"/>
  </si>
  <si>
    <t>佐野こども園</t>
    <rPh sb="0" eb="2">
      <t>サノ</t>
    </rPh>
    <rPh sb="5" eb="6">
      <t>エン</t>
    </rPh>
    <phoneticPr fontId="1"/>
  </si>
  <si>
    <t>横須賀市佐野町5-7</t>
    <rPh sb="0" eb="4">
      <t>ヨコスカシ</t>
    </rPh>
    <rPh sb="4" eb="7">
      <t>サノマチ</t>
    </rPh>
    <phoneticPr fontId="1"/>
  </si>
  <si>
    <t>046-851-2138</t>
    <phoneticPr fontId="1"/>
  </si>
  <si>
    <t>〇</t>
    <phoneticPr fontId="1"/>
  </si>
  <si>
    <t>×</t>
    <phoneticPr fontId="1"/>
  </si>
  <si>
    <t>0467-22-3046</t>
    <phoneticPr fontId="1"/>
  </si>
  <si>
    <t>〇</t>
    <phoneticPr fontId="1"/>
  </si>
  <si>
    <t>鎌倉市</t>
    <rPh sb="0" eb="3">
      <t>カマクラシ</t>
    </rPh>
    <phoneticPr fontId="1"/>
  </si>
  <si>
    <t>聖路加幼稚園</t>
    <rPh sb="0" eb="3">
      <t>セイロカ</t>
    </rPh>
    <rPh sb="3" eb="6">
      <t>ヨウチエン</t>
    </rPh>
    <phoneticPr fontId="1"/>
  </si>
  <si>
    <t>鎌倉市稲村ガ崎4-2-5</t>
    <rPh sb="0" eb="3">
      <t>カマクラシ</t>
    </rPh>
    <rPh sb="3" eb="5">
      <t>イナムラ</t>
    </rPh>
    <rPh sb="6" eb="7">
      <t>サキ</t>
    </rPh>
    <phoneticPr fontId="1"/>
  </si>
  <si>
    <t>0467-22-3673</t>
  </si>
  <si>
    <t>×</t>
    <phoneticPr fontId="4"/>
  </si>
  <si>
    <t>藤沢市本町4-8-7</t>
    <rPh sb="3" eb="5">
      <t>ホンチョウ</t>
    </rPh>
    <phoneticPr fontId="1"/>
  </si>
  <si>
    <t>未来っ子幼児教育センター（幼稚部）</t>
    <rPh sb="0" eb="2">
      <t>ミライ</t>
    </rPh>
    <rPh sb="3" eb="4">
      <t>コ</t>
    </rPh>
    <rPh sb="4" eb="6">
      <t>ヨウジ</t>
    </rPh>
    <rPh sb="6" eb="8">
      <t>キョウイク</t>
    </rPh>
    <rPh sb="13" eb="16">
      <t>ヨウチブ</t>
    </rPh>
    <phoneticPr fontId="1"/>
  </si>
  <si>
    <t>小田原市南鴨宮一丁目5番40号</t>
    <rPh sb="0" eb="4">
      <t>オダワラシ</t>
    </rPh>
    <rPh sb="4" eb="7">
      <t>ミナミカモノミヤ</t>
    </rPh>
    <rPh sb="7" eb="10">
      <t>イッチョウメ</t>
    </rPh>
    <rPh sb="11" eb="12">
      <t>バン</t>
    </rPh>
    <rPh sb="14" eb="15">
      <t>ゴウ</t>
    </rPh>
    <phoneticPr fontId="1"/>
  </si>
  <si>
    <t>0465-47-0319</t>
    <phoneticPr fontId="1"/>
  </si>
  <si>
    <t>まつなみ幼稚園</t>
    <rPh sb="4" eb="7">
      <t>ヨウチエン</t>
    </rPh>
    <phoneticPr fontId="1"/>
  </si>
  <si>
    <t>〇</t>
    <phoneticPr fontId="1"/>
  </si>
  <si>
    <t>香川富士見丘幼稚園</t>
    <rPh sb="0" eb="2">
      <t>カガワ</t>
    </rPh>
    <rPh sb="2" eb="5">
      <t>フジミ</t>
    </rPh>
    <rPh sb="5" eb="6">
      <t>オカ</t>
    </rPh>
    <rPh sb="6" eb="9">
      <t>ヨウチエン</t>
    </rPh>
    <phoneticPr fontId="1"/>
  </si>
  <si>
    <t>茅ヶ崎市香川4-50-27</t>
    <rPh sb="0" eb="4">
      <t>チガサキシ</t>
    </rPh>
    <rPh sb="4" eb="6">
      <t>カガワ</t>
    </rPh>
    <phoneticPr fontId="1"/>
  </si>
  <si>
    <t>0467-86-6340</t>
    <phoneticPr fontId="1"/>
  </si>
  <si>
    <t>認定こども園　
相模原高等学校付属光明幼稚園</t>
    <rPh sb="0" eb="2">
      <t>ニンテイ</t>
    </rPh>
    <rPh sb="5" eb="6">
      <t>エン</t>
    </rPh>
    <phoneticPr fontId="1"/>
  </si>
  <si>
    <t>幼保連携型認定こども園　
大島幼稚園</t>
    <rPh sb="0" eb="2">
      <t>ヨウホ</t>
    </rPh>
    <rPh sb="2" eb="5">
      <t>レンケイガタ</t>
    </rPh>
    <rPh sb="5" eb="7">
      <t>ニンテイ</t>
    </rPh>
    <rPh sb="10" eb="11">
      <t>エン</t>
    </rPh>
    <phoneticPr fontId="1"/>
  </si>
  <si>
    <t>海老名市社家3丁目11番27号</t>
    <phoneticPr fontId="1"/>
  </si>
  <si>
    <t>川崎市宮前区西野川2-24-18</t>
    <rPh sb="6" eb="7">
      <t>ニシ</t>
    </rPh>
    <phoneticPr fontId="1"/>
  </si>
  <si>
    <t>川崎市宮前区西野川2-22-5</t>
    <rPh sb="6" eb="7">
      <t>ニシ</t>
    </rPh>
    <phoneticPr fontId="1"/>
  </si>
  <si>
    <t>幼保連携型認定こども園
星ヶ丘二葉園</t>
    <rPh sb="0" eb="5">
      <t>ヨウホレンケイガタ</t>
    </rPh>
    <rPh sb="5" eb="7">
      <t>ニンテイ</t>
    </rPh>
    <rPh sb="10" eb="11">
      <t>エン</t>
    </rPh>
    <rPh sb="12" eb="15">
      <t>ホシガオカ</t>
    </rPh>
    <rPh sb="15" eb="17">
      <t>フタバ</t>
    </rPh>
    <rPh sb="17" eb="18">
      <t>エン</t>
    </rPh>
    <phoneticPr fontId="11"/>
  </si>
  <si>
    <t>幼保連携型認定こども園
むくどりこども園</t>
    <rPh sb="0" eb="5">
      <t>ヨウホレンケイガタ</t>
    </rPh>
    <phoneticPr fontId="1"/>
  </si>
  <si>
    <t>幼保連携型認定こども園
おおのだい</t>
    <rPh sb="0" eb="5">
      <t>ヨウホレンケイガタ</t>
    </rPh>
    <phoneticPr fontId="1"/>
  </si>
  <si>
    <t>幼保連携型認定こども園
清水こども園</t>
    <rPh sb="0" eb="5">
      <t>ヨウホレンケイガタ</t>
    </rPh>
    <rPh sb="5" eb="7">
      <t>ニンテイ</t>
    </rPh>
    <rPh sb="10" eb="11">
      <t>エン</t>
    </rPh>
    <rPh sb="12" eb="14">
      <t>シミズ</t>
    </rPh>
    <rPh sb="17" eb="18">
      <t>エン</t>
    </rPh>
    <phoneticPr fontId="11"/>
  </si>
  <si>
    <t>幼保連携型認定こども園
まつがえこども園</t>
    <rPh sb="0" eb="5">
      <t>ヨウホレンケイガタ</t>
    </rPh>
    <phoneticPr fontId="1"/>
  </si>
  <si>
    <t>幼保連携型認定こども園
むくどり風の丘こども園</t>
    <rPh sb="0" eb="5">
      <t>ヨウホレンケイガタ</t>
    </rPh>
    <phoneticPr fontId="1"/>
  </si>
  <si>
    <t>幼保連携型認定こども園
第二ふたば園</t>
    <rPh sb="0" eb="2">
      <t>ヨウホ</t>
    </rPh>
    <rPh sb="2" eb="5">
      <t>レンケイガタ</t>
    </rPh>
    <rPh sb="12" eb="14">
      <t>ダイニ</t>
    </rPh>
    <rPh sb="17" eb="18">
      <t>エン</t>
    </rPh>
    <phoneticPr fontId="11"/>
  </si>
  <si>
    <t>幼保連携型認定こども園
むくどり風の森こども園</t>
    <rPh sb="0" eb="5">
      <t>ヨウホレンケイガタ</t>
    </rPh>
    <rPh sb="5" eb="7">
      <t>ニンテイ</t>
    </rPh>
    <rPh sb="10" eb="11">
      <t>エン</t>
    </rPh>
    <rPh sb="16" eb="17">
      <t>カゼ</t>
    </rPh>
    <rPh sb="18" eb="19">
      <t>モリ</t>
    </rPh>
    <rPh sb="22" eb="23">
      <t>エン</t>
    </rPh>
    <phoneticPr fontId="11"/>
  </si>
  <si>
    <t>幼保連携型認定こども園
東橋本ひまわりこども園</t>
    <rPh sb="0" eb="5">
      <t>ヨウホレンケイガタ</t>
    </rPh>
    <rPh sb="5" eb="7">
      <t>ニンテイ</t>
    </rPh>
    <rPh sb="10" eb="11">
      <t>エン</t>
    </rPh>
    <rPh sb="12" eb="13">
      <t>ヒガシ</t>
    </rPh>
    <rPh sb="13" eb="15">
      <t>ハシモト</t>
    </rPh>
    <rPh sb="22" eb="23">
      <t>エン</t>
    </rPh>
    <phoneticPr fontId="11"/>
  </si>
  <si>
    <t>幼保連携型認定こども園
ひかりキッズ</t>
    <rPh sb="0" eb="5">
      <t>ヨウホレンケイガタ</t>
    </rPh>
    <rPh sb="5" eb="7">
      <t>ニンテイ</t>
    </rPh>
    <rPh sb="10" eb="11">
      <t>エン</t>
    </rPh>
    <phoneticPr fontId="11"/>
  </si>
  <si>
    <t>幼保連携型認定こども園
橋本りんごこども園</t>
    <rPh sb="0" eb="5">
      <t>ヨウホレンケイガタ</t>
    </rPh>
    <rPh sb="5" eb="7">
      <t>ニンテイ</t>
    </rPh>
    <rPh sb="10" eb="11">
      <t>エン</t>
    </rPh>
    <rPh sb="12" eb="14">
      <t>ハシモト</t>
    </rPh>
    <rPh sb="20" eb="21">
      <t>エン</t>
    </rPh>
    <phoneticPr fontId="11"/>
  </si>
  <si>
    <t>幼保連携型認定こども園
ひまわり第2こども園</t>
    <rPh sb="0" eb="5">
      <t>ヨウホレンケイガタ</t>
    </rPh>
    <rPh sb="5" eb="7">
      <t>ニンテイ</t>
    </rPh>
    <rPh sb="10" eb="11">
      <t>エン</t>
    </rPh>
    <rPh sb="16" eb="17">
      <t>ダイ</t>
    </rPh>
    <rPh sb="21" eb="22">
      <t>エン</t>
    </rPh>
    <phoneticPr fontId="11"/>
  </si>
  <si>
    <t>幼保連携型認定こども園
みんなのとっぽこども園</t>
    <rPh sb="0" eb="5">
      <t>ヨウホレンケイガタ</t>
    </rPh>
    <rPh sb="5" eb="7">
      <t>ニンテイ</t>
    </rPh>
    <rPh sb="10" eb="11">
      <t>エン</t>
    </rPh>
    <rPh sb="22" eb="23">
      <t>エン</t>
    </rPh>
    <phoneticPr fontId="11"/>
  </si>
  <si>
    <t>認定こども園湘南栄光幼稚園</t>
    <rPh sb="0" eb="2">
      <t>ニンテイ</t>
    </rPh>
    <rPh sb="5" eb="6">
      <t>エン</t>
    </rPh>
    <rPh sb="6" eb="8">
      <t>ショウナン</t>
    </rPh>
    <rPh sb="8" eb="10">
      <t>エイコウ</t>
    </rPh>
    <rPh sb="10" eb="13">
      <t>ヨウチエン</t>
    </rPh>
    <phoneticPr fontId="1"/>
  </si>
  <si>
    <t>認定こども園大神美里幼稚園</t>
    <rPh sb="0" eb="2">
      <t>ニンテイ</t>
    </rPh>
    <rPh sb="5" eb="6">
      <t>エン</t>
    </rPh>
    <phoneticPr fontId="1"/>
  </si>
  <si>
    <t>認定こども園道和幼稚園</t>
    <rPh sb="0" eb="2">
      <t>ニンテイ</t>
    </rPh>
    <rPh sb="5" eb="6">
      <t>エン</t>
    </rPh>
    <phoneticPr fontId="1"/>
  </si>
  <si>
    <t>藤沢市</t>
    <phoneticPr fontId="1"/>
  </si>
  <si>
    <t>藤沢いずみ幼稚園</t>
    <rPh sb="0" eb="1">
      <t>フジ</t>
    </rPh>
    <phoneticPr fontId="1"/>
  </si>
  <si>
    <t xml:space="preserve">藤沢市亀井野3224 </t>
    <phoneticPr fontId="1"/>
  </si>
  <si>
    <t xml:space="preserve">0466-81-2808 </t>
    <phoneticPr fontId="1"/>
  </si>
  <si>
    <t>鵠沼幼稚園</t>
    <phoneticPr fontId="1"/>
  </si>
  <si>
    <t>藤沢市鵠沼桜が岡3-5-20</t>
    <phoneticPr fontId="1"/>
  </si>
  <si>
    <t>湘南白百合学園幼稚園</t>
    <phoneticPr fontId="1"/>
  </si>
  <si>
    <t xml:space="preserve">藤沢市片瀬海岸2-10-12 </t>
    <phoneticPr fontId="1"/>
  </si>
  <si>
    <t xml:space="preserve">0466-22-4432 </t>
    <phoneticPr fontId="1"/>
  </si>
  <si>
    <t>聖和学院第二幼稚園</t>
    <phoneticPr fontId="1"/>
  </si>
  <si>
    <t xml:space="preserve">藤沢市辻堂6-18-11 </t>
    <phoneticPr fontId="1"/>
  </si>
  <si>
    <t xml:space="preserve">0466-36-0406 </t>
    <phoneticPr fontId="1"/>
  </si>
  <si>
    <t>ふじがおか幼稚園</t>
    <phoneticPr fontId="1"/>
  </si>
  <si>
    <t xml:space="preserve">藤沢市藤が岡3-8-10 </t>
    <phoneticPr fontId="1"/>
  </si>
  <si>
    <t xml:space="preserve">0466-23-3263 </t>
    <phoneticPr fontId="1"/>
  </si>
  <si>
    <t>ふじがおか第二幼稚園</t>
    <phoneticPr fontId="1"/>
  </si>
  <si>
    <t xml:space="preserve">藤沢市藤が岡3-13-8 </t>
    <phoneticPr fontId="1"/>
  </si>
  <si>
    <t xml:space="preserve">0466-25-3101 </t>
    <phoneticPr fontId="1"/>
  </si>
  <si>
    <t>山王保育園（幼稚部）</t>
    <rPh sb="0" eb="2">
      <t>サンノウ</t>
    </rPh>
    <rPh sb="2" eb="5">
      <t>ホイクエン</t>
    </rPh>
    <rPh sb="6" eb="9">
      <t>ヨウチブ</t>
    </rPh>
    <phoneticPr fontId="1"/>
  </si>
  <si>
    <t>小田原市東町1丁目30番30号</t>
    <rPh sb="0" eb="4">
      <t>オダワラシ</t>
    </rPh>
    <rPh sb="4" eb="5">
      <t>ヒガシ</t>
    </rPh>
    <rPh sb="5" eb="6">
      <t>チョウ</t>
    </rPh>
    <rPh sb="7" eb="9">
      <t>チョウメ</t>
    </rPh>
    <rPh sb="11" eb="12">
      <t>バン</t>
    </rPh>
    <rPh sb="14" eb="15">
      <t>ゴウ</t>
    </rPh>
    <phoneticPr fontId="1"/>
  </si>
  <si>
    <t>0465-34-0380</t>
    <phoneticPr fontId="1"/>
  </si>
  <si>
    <t>茅ヶ崎市松浪１－３－３２</t>
    <rPh sb="0" eb="4">
      <t>チガサキシ</t>
    </rPh>
    <rPh sb="4" eb="6">
      <t>マツナミ</t>
    </rPh>
    <phoneticPr fontId="1"/>
  </si>
  <si>
    <t>0467-83-3510</t>
  </si>
  <si>
    <t>046-871-2792</t>
    <phoneticPr fontId="1"/>
  </si>
  <si>
    <t>秦野市立上幼稚園</t>
  </si>
  <si>
    <t>0463-88-1645</t>
  </si>
  <si>
    <t>西秦野幼稚園</t>
  </si>
  <si>
    <t>秦野市春日町4番4号</t>
  </si>
  <si>
    <t>0463-88-5613</t>
  </si>
  <si>
    <t>秦野市立ひろはたこども園</t>
    <rPh sb="0" eb="4">
      <t>ハダノシリツ</t>
    </rPh>
    <rPh sb="11" eb="12">
      <t>エン</t>
    </rPh>
    <phoneticPr fontId="1"/>
  </si>
  <si>
    <t>秦野市下大槻138番地</t>
    <rPh sb="0" eb="3">
      <t>ハダノシ</t>
    </rPh>
    <rPh sb="3" eb="6">
      <t>シモオオヅキ</t>
    </rPh>
    <rPh sb="9" eb="11">
      <t>バンチ</t>
    </rPh>
    <phoneticPr fontId="1"/>
  </si>
  <si>
    <t>0463-77-3434</t>
    <phoneticPr fontId="1"/>
  </si>
  <si>
    <t>046-267-2856</t>
  </si>
  <si>
    <t>大原こども園</t>
    <rPh sb="0" eb="2">
      <t>オオハラ</t>
    </rPh>
    <rPh sb="5" eb="6">
      <t>エン</t>
    </rPh>
    <phoneticPr fontId="1"/>
  </si>
  <si>
    <t>伊勢原市桜台1-36-5</t>
    <rPh sb="0" eb="4">
      <t>イセハラシ</t>
    </rPh>
    <rPh sb="4" eb="6">
      <t>サクラダイ</t>
    </rPh>
    <phoneticPr fontId="1"/>
  </si>
  <si>
    <t>0463-93-8925</t>
    <phoneticPr fontId="1"/>
  </si>
  <si>
    <t>あおぞら幼稚園</t>
    <rPh sb="4" eb="7">
      <t>ヨウチエン</t>
    </rPh>
    <phoneticPr fontId="14"/>
  </si>
  <si>
    <t>葉山町木古庭1333</t>
    <rPh sb="3" eb="4">
      <t>キ</t>
    </rPh>
    <rPh sb="4" eb="5">
      <t>フル</t>
    </rPh>
    <rPh sb="5" eb="6">
      <t>ニワ</t>
    </rPh>
    <phoneticPr fontId="14"/>
  </si>
  <si>
    <t>どれみ幼稚園</t>
    <rPh sb="3" eb="6">
      <t>ヨウチエン</t>
    </rPh>
    <phoneticPr fontId="14"/>
  </si>
  <si>
    <t>葉山町一色1862-1</t>
    <rPh sb="3" eb="5">
      <t>イッシキ</t>
    </rPh>
    <phoneticPr fontId="14"/>
  </si>
  <si>
    <t>大磯幼稚園</t>
    <rPh sb="0" eb="5">
      <t>オオイソヨウチエン</t>
    </rPh>
    <phoneticPr fontId="1"/>
  </si>
  <si>
    <t>0463-61-0505</t>
  </si>
  <si>
    <t>実施日：週3回→週5回に変更</t>
    <rPh sb="0" eb="3">
      <t>ジッシビ</t>
    </rPh>
    <rPh sb="4" eb="5">
      <t>シュウ</t>
    </rPh>
    <rPh sb="6" eb="7">
      <t>カイ</t>
    </rPh>
    <rPh sb="8" eb="9">
      <t>シュウ</t>
    </rPh>
    <rPh sb="10" eb="11">
      <t>カイ</t>
    </rPh>
    <rPh sb="12" eb="14">
      <t>ヘンコウ</t>
    </rPh>
    <phoneticPr fontId="1"/>
  </si>
  <si>
    <t>大磯町生沢402－1</t>
    <rPh sb="0" eb="3">
      <t>オオイソマチ</t>
    </rPh>
    <rPh sb="3" eb="5">
      <t>イクサワ</t>
    </rPh>
    <phoneticPr fontId="1"/>
  </si>
  <si>
    <t>0463-71-3050</t>
  </si>
  <si>
    <t>開成幼稚園</t>
    <rPh sb="0" eb="5">
      <t>カイセイヨウチエン</t>
    </rPh>
    <phoneticPr fontId="1"/>
  </si>
  <si>
    <t>開成町牛島336番地</t>
    <rPh sb="0" eb="5">
      <t>カイセイマチウシジマ</t>
    </rPh>
    <rPh sb="8" eb="10">
      <t>バンチ</t>
    </rPh>
    <phoneticPr fontId="1"/>
  </si>
  <si>
    <t>認定こども園中津幼稚園</t>
    <rPh sb="0" eb="2">
      <t>ニンテイ</t>
    </rPh>
    <rPh sb="5" eb="6">
      <t>エン</t>
    </rPh>
    <rPh sb="6" eb="8">
      <t>ナカツ</t>
    </rPh>
    <rPh sb="8" eb="11">
      <t>ヨウチエン</t>
    </rPh>
    <phoneticPr fontId="1"/>
  </si>
  <si>
    <t>百合丘めぐみ幼稚園</t>
    <rPh sb="6" eb="9">
      <t>ヨウチエン</t>
    </rPh>
    <phoneticPr fontId="1"/>
  </si>
  <si>
    <t>川崎市麻生区百合丘1-12</t>
    <rPh sb="0" eb="3">
      <t>カワサキシ</t>
    </rPh>
    <rPh sb="3" eb="6">
      <t>アサオク</t>
    </rPh>
    <rPh sb="6" eb="9">
      <t>ユリガオカ</t>
    </rPh>
    <phoneticPr fontId="1"/>
  </si>
  <si>
    <t>幼保連携型認定こども園大沢幼稚園</t>
    <rPh sb="0" eb="7">
      <t>ヨウホレンケイガタニンテイ</t>
    </rPh>
    <rPh sb="10" eb="11">
      <t>エン</t>
    </rPh>
    <rPh sb="11" eb="13">
      <t>オオサワ</t>
    </rPh>
    <rPh sb="13" eb="16">
      <t>ヨウチエン</t>
    </rPh>
    <phoneticPr fontId="1"/>
  </si>
  <si>
    <t>認定こども園津久井ヶ丘幼稚園</t>
    <rPh sb="0" eb="2">
      <t>ニンテイ</t>
    </rPh>
    <rPh sb="5" eb="6">
      <t>エン</t>
    </rPh>
    <phoneticPr fontId="1"/>
  </si>
  <si>
    <t>ゆめいろこども園</t>
    <rPh sb="7" eb="8">
      <t>エン</t>
    </rPh>
    <phoneticPr fontId="1"/>
  </si>
  <si>
    <t>相模原市中央区相模原4-8-6　ヴィラ相模原1Ｆ</t>
    <rPh sb="0" eb="4">
      <t>サガミハラシ</t>
    </rPh>
    <rPh sb="4" eb="7">
      <t>チュウオウク</t>
    </rPh>
    <rPh sb="7" eb="10">
      <t>サガミハラ</t>
    </rPh>
    <rPh sb="19" eb="22">
      <t>サガミハラ</t>
    </rPh>
    <phoneticPr fontId="1"/>
  </si>
  <si>
    <t>042-707-8357</t>
  </si>
  <si>
    <t>幼保連携型認定こども園若松こども園</t>
    <rPh sb="0" eb="7">
      <t>ヨウホレンケイガタニンテイ</t>
    </rPh>
    <rPh sb="10" eb="11">
      <t>エン</t>
    </rPh>
    <rPh sb="11" eb="13">
      <t>ワカマツ</t>
    </rPh>
    <rPh sb="16" eb="17">
      <t>エン</t>
    </rPh>
    <phoneticPr fontId="1"/>
  </si>
  <si>
    <t>相模原市南区若松2-3-7</t>
    <rPh sb="0" eb="4">
      <t>サガミハラシ</t>
    </rPh>
    <rPh sb="4" eb="6">
      <t>ミナミク</t>
    </rPh>
    <rPh sb="6" eb="8">
      <t>ワカマツ</t>
    </rPh>
    <phoneticPr fontId="1"/>
  </si>
  <si>
    <t>042-412-1122</t>
  </si>
  <si>
    <t>秦野市柳川25番地の3</t>
    <rPh sb="7" eb="9">
      <t>バンチ</t>
    </rPh>
    <phoneticPr fontId="1"/>
  </si>
  <si>
    <t>幼児教育・保育の無償化対象施設リスト
（幼稚園預かり保育）</t>
    <rPh sb="0" eb="2">
      <t>ヨウジ</t>
    </rPh>
    <rPh sb="2" eb="4">
      <t>キョウイク</t>
    </rPh>
    <rPh sb="5" eb="7">
      <t>ホイク</t>
    </rPh>
    <rPh sb="8" eb="11">
      <t>ムショウカ</t>
    </rPh>
    <rPh sb="11" eb="13">
      <t>タイショウ</t>
    </rPh>
    <rPh sb="13" eb="15">
      <t>シセツ</t>
    </rPh>
    <phoneticPr fontId="1"/>
  </si>
  <si>
    <t xml:space="preserve">※幼稚園等預かり保育を実施していない・預かり保育が十分な水準
　でない場合は教育時間を含む平日預かり保育の提供時間が、8時間
　未満又は年間（平日・長期休業中・休日の合計）開所日数200日未満
　に限り、認可外保育施設等の預かり保育利用が無償化の対象に
　なります。この条件に該当する場合は「〇」、そうでない場合は
　「×」と記載しています。
</t>
    <rPh sb="1" eb="5">
      <t>ヨウチエントウ</t>
    </rPh>
    <rPh sb="5" eb="6">
      <t>アズ</t>
    </rPh>
    <rPh sb="8" eb="10">
      <t>ホイク</t>
    </rPh>
    <rPh sb="11" eb="13">
      <t>ジッシ</t>
    </rPh>
    <rPh sb="19" eb="20">
      <t>アズ</t>
    </rPh>
    <rPh sb="22" eb="24">
      <t>ホイク</t>
    </rPh>
    <rPh sb="25" eb="27">
      <t>ジュウブン</t>
    </rPh>
    <rPh sb="28" eb="30">
      <t>スイジュン</t>
    </rPh>
    <rPh sb="35" eb="37">
      <t>バアイ</t>
    </rPh>
    <rPh sb="38" eb="40">
      <t>キョウイク</t>
    </rPh>
    <rPh sb="40" eb="42">
      <t>ジカン</t>
    </rPh>
    <rPh sb="43" eb="44">
      <t>フク</t>
    </rPh>
    <rPh sb="45" eb="47">
      <t>ヘイジツ</t>
    </rPh>
    <rPh sb="47" eb="48">
      <t>アズ</t>
    </rPh>
    <rPh sb="50" eb="52">
      <t>ホイク</t>
    </rPh>
    <rPh sb="53" eb="57">
      <t>テイキョウジカン</t>
    </rPh>
    <rPh sb="66" eb="67">
      <t>マタ</t>
    </rPh>
    <rPh sb="68" eb="70">
      <t>ネンカン</t>
    </rPh>
    <rPh sb="71" eb="73">
      <t>ヘイジツ</t>
    </rPh>
    <rPh sb="74" eb="76">
      <t>チョウキ</t>
    </rPh>
    <rPh sb="76" eb="78">
      <t>キュウギョウ</t>
    </rPh>
    <rPh sb="78" eb="79">
      <t>チュウ</t>
    </rPh>
    <rPh sb="80" eb="82">
      <t>キュウジツ</t>
    </rPh>
    <rPh sb="83" eb="85">
      <t>ゴウケイ</t>
    </rPh>
    <rPh sb="86" eb="90">
      <t>カイショニッスウ</t>
    </rPh>
    <rPh sb="93" eb="94">
      <t>ニチ</t>
    </rPh>
    <rPh sb="163" eb="165">
      <t>キサイ</t>
    </rPh>
    <phoneticPr fontId="1"/>
  </si>
  <si>
    <t>小田原市</t>
    <rPh sb="0" eb="4">
      <t>オダワラシ</t>
    </rPh>
    <phoneticPr fontId="3"/>
  </si>
  <si>
    <t>花園幼稚園（幼稚部）</t>
    <rPh sb="0" eb="2">
      <t>ハナゾノ</t>
    </rPh>
    <phoneticPr fontId="3"/>
  </si>
  <si>
    <t>小田原市南町2丁目2番45号</t>
    <rPh sb="0" eb="4">
      <t>オダワラシ</t>
    </rPh>
    <rPh sb="4" eb="5">
      <t>ミナミ</t>
    </rPh>
    <rPh sb="5" eb="6">
      <t>チョウ</t>
    </rPh>
    <rPh sb="7" eb="9">
      <t>チョウメ</t>
    </rPh>
    <rPh sb="10" eb="11">
      <t>バン</t>
    </rPh>
    <rPh sb="13" eb="14">
      <t>ゴウ</t>
    </rPh>
    <phoneticPr fontId="3"/>
  </si>
  <si>
    <t>0465-22-8702</t>
  </si>
  <si>
    <t>松林こころえん</t>
    <rPh sb="0" eb="2">
      <t>ショウリン</t>
    </rPh>
    <phoneticPr fontId="1"/>
  </si>
  <si>
    <t>茅ヶ崎市小和田一丁目5番36号</t>
    <rPh sb="0" eb="4">
      <t>チガサキシ</t>
    </rPh>
    <rPh sb="4" eb="7">
      <t>コワダ</t>
    </rPh>
    <rPh sb="7" eb="10">
      <t>イッチョウメ</t>
    </rPh>
    <rPh sb="11" eb="12">
      <t>バン</t>
    </rPh>
    <rPh sb="14" eb="15">
      <t>ゴウ</t>
    </rPh>
    <phoneticPr fontId="1"/>
  </si>
  <si>
    <t>0467-52-5560</t>
    <phoneticPr fontId="1"/>
  </si>
  <si>
    <t>湘南幼児学園</t>
    <rPh sb="0" eb="2">
      <t>ショウナン</t>
    </rPh>
    <rPh sb="2" eb="4">
      <t>ヨウジ</t>
    </rPh>
    <rPh sb="4" eb="6">
      <t>ガクエン</t>
    </rPh>
    <phoneticPr fontId="1"/>
  </si>
  <si>
    <t>茅ヶ崎市汐見台3番15号</t>
    <rPh sb="0" eb="4">
      <t>チガサキシ</t>
    </rPh>
    <rPh sb="4" eb="7">
      <t>シオミダイ</t>
    </rPh>
    <rPh sb="8" eb="9">
      <t>バン</t>
    </rPh>
    <rPh sb="11" eb="12">
      <t>ゴウ</t>
    </rPh>
    <phoneticPr fontId="1"/>
  </si>
  <si>
    <t>0467-83-2079</t>
    <phoneticPr fontId="1"/>
  </si>
  <si>
    <t>046-871-6258</t>
    <phoneticPr fontId="1"/>
  </si>
  <si>
    <t>046-881-5305</t>
    <phoneticPr fontId="1"/>
  </si>
  <si>
    <t>厚木市飯山南4-11-1</t>
    <rPh sb="5" eb="6">
      <t>ミナミ</t>
    </rPh>
    <phoneticPr fontId="1"/>
  </si>
  <si>
    <t>幼稚園型認定こども園やなぎ幼稚園</t>
    <rPh sb="0" eb="6">
      <t>ヨウチエンガタニンテイ</t>
    </rPh>
    <rPh sb="9" eb="10">
      <t>エン</t>
    </rPh>
    <phoneticPr fontId="1"/>
  </si>
  <si>
    <t>046-232-6821</t>
    <phoneticPr fontId="1"/>
  </si>
  <si>
    <t>湯河原町吉浜216番地</t>
    <rPh sb="0" eb="6">
      <t>ユガワラマチヨシハマ</t>
    </rPh>
    <rPh sb="9" eb="11">
      <t>バンチ</t>
    </rPh>
    <phoneticPr fontId="1"/>
  </si>
  <si>
    <t>相模原市立ふじのこども園</t>
    <rPh sb="11" eb="12">
      <t>エン</t>
    </rPh>
    <phoneticPr fontId="10"/>
  </si>
  <si>
    <t>認定こども園　大野文化幼稚園</t>
    <rPh sb="0" eb="2">
      <t>ニンテイ</t>
    </rPh>
    <rPh sb="5" eb="6">
      <t>エン</t>
    </rPh>
    <phoneticPr fontId="1"/>
  </si>
  <si>
    <t>認定こども園　さがみひかり幼稚園</t>
    <rPh sb="0" eb="2">
      <t>ニンテイ</t>
    </rPh>
    <rPh sb="5" eb="6">
      <t>エン</t>
    </rPh>
    <phoneticPr fontId="3"/>
  </si>
  <si>
    <t>幼保連携型認定こども園　橋本幼稚園</t>
    <phoneticPr fontId="10"/>
  </si>
  <si>
    <t>幼保連携型認定こども園　太陽の子幼稚園</t>
  </si>
  <si>
    <t>相模原市中央区すすきの町27-38</t>
    <rPh sb="0" eb="4">
      <t>サガミハラシ</t>
    </rPh>
    <rPh sb="4" eb="7">
      <t>チュウオウク</t>
    </rPh>
    <rPh sb="11" eb="12">
      <t>マチ</t>
    </rPh>
    <phoneticPr fontId="17"/>
  </si>
  <si>
    <t>042-776-7055</t>
  </si>
  <si>
    <t>認定こども園　ＰＯＫＫＡＰＯＫＫＡ　ＩＮＴＥＲＮＡＴＩＯＮＡＬ</t>
    <rPh sb="0" eb="2">
      <t>ニンテイ</t>
    </rPh>
    <rPh sb="5" eb="6">
      <t>エン</t>
    </rPh>
    <phoneticPr fontId="18"/>
  </si>
  <si>
    <t>相模原市中央区淵野辺本町4-1-17</t>
    <rPh sb="0" eb="4">
      <t>サガミハラシ</t>
    </rPh>
    <phoneticPr fontId="1"/>
  </si>
  <si>
    <t>042-707-0140</t>
    <phoneticPr fontId="1"/>
  </si>
  <si>
    <t>幼保連携型認定こども園　ＹＭＣAオベリン保育園</t>
    <phoneticPr fontId="1"/>
  </si>
  <si>
    <t>相模原市中央区淵野辺3-5-41桜美林大学国際寮2階</t>
    <rPh sb="0" eb="4">
      <t>サガミハラシ</t>
    </rPh>
    <phoneticPr fontId="1"/>
  </si>
  <si>
    <t>042-707-9974</t>
  </si>
  <si>
    <t>あらいそのこども園</t>
    <rPh sb="8" eb="9">
      <t>エン</t>
    </rPh>
    <phoneticPr fontId="1"/>
  </si>
  <si>
    <t>相模原市南区新磯野3-22-15</t>
    <rPh sb="0" eb="4">
      <t>サガミハラシ</t>
    </rPh>
    <phoneticPr fontId="1"/>
  </si>
  <si>
    <t>046-253-0795</t>
  </si>
  <si>
    <t>ひがしすげ幼稚園</t>
  </si>
  <si>
    <t>認定こども園神田幼稚園</t>
    <rPh sb="0" eb="2">
      <t>ニンテイ</t>
    </rPh>
    <rPh sb="5" eb="6">
      <t>エン</t>
    </rPh>
    <phoneticPr fontId="1"/>
  </si>
  <si>
    <t>0463-55-0841</t>
  </si>
  <si>
    <t>令和５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2"/>
      <name val="ＭＳ 明朝"/>
      <family val="2"/>
      <charset val="128"/>
    </font>
    <font>
      <sz val="12"/>
      <name val="ＭＳ 明朝"/>
      <family val="1"/>
      <charset val="128"/>
    </font>
    <font>
      <sz val="12"/>
      <color theme="1"/>
      <name val="ＭＳ 明朝"/>
      <family val="2"/>
      <charset val="128"/>
    </font>
    <font>
      <sz val="10"/>
      <name val="ＭＳ ゴシック"/>
      <family val="3"/>
      <charset val="128"/>
    </font>
    <font>
      <sz val="6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10.5"/>
      <name val="ＭＳ 明朝"/>
      <family val="1"/>
      <charset val="128"/>
    </font>
    <font>
      <sz val="11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trike/>
      <sz val="10"/>
      <name val="ＭＳ 明朝"/>
      <family val="1"/>
      <charset val="128"/>
    </font>
    <font>
      <sz val="11"/>
      <name val="ＭＳ Ｐ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</fills>
  <borders count="9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8" fillId="0" borderId="0"/>
    <xf numFmtId="0" fontId="8" fillId="0" borderId="0"/>
    <xf numFmtId="0" fontId="7" fillId="0" borderId="0">
      <alignment vertical="center"/>
    </xf>
  </cellStyleXfs>
  <cellXfs count="60">
    <xf numFmtId="0" fontId="0" fillId="0" borderId="0" xfId="0">
      <alignment vertical="center"/>
    </xf>
    <xf numFmtId="0" fontId="2" fillId="0" borderId="0" xfId="0" applyFont="1">
      <alignment vertical="center"/>
    </xf>
    <xf numFmtId="0" fontId="0" fillId="0" borderId="0" xfId="0">
      <alignment vertical="center"/>
    </xf>
    <xf numFmtId="0" fontId="0" fillId="0" borderId="0" xfId="0">
      <alignment vertical="center"/>
    </xf>
    <xf numFmtId="0" fontId="13" fillId="0" borderId="0" xfId="0" applyFont="1">
      <alignment vertical="center"/>
    </xf>
    <xf numFmtId="0" fontId="6" fillId="0" borderId="1" xfId="0" applyFont="1" applyFill="1" applyBorder="1">
      <alignment vertical="center"/>
    </xf>
    <xf numFmtId="0" fontId="6" fillId="0" borderId="1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vertical="center" wrapText="1"/>
    </xf>
    <xf numFmtId="0" fontId="6" fillId="0" borderId="1" xfId="0" applyFont="1" applyFill="1" applyBorder="1" applyAlignment="1">
      <alignment horizontal="left" vertical="center"/>
    </xf>
    <xf numFmtId="0" fontId="6" fillId="0" borderId="5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vertical="center" shrinkToFit="1"/>
    </xf>
    <xf numFmtId="0" fontId="6" fillId="0" borderId="1" xfId="2" applyFont="1" applyFill="1" applyBorder="1" applyAlignment="1">
      <alignment horizontal="left" vertical="center"/>
    </xf>
    <xf numFmtId="0" fontId="6" fillId="0" borderId="1" xfId="0" applyFont="1" applyFill="1" applyBorder="1" applyAlignment="1">
      <alignment vertical="center" wrapText="1" shrinkToFit="1"/>
    </xf>
    <xf numFmtId="0" fontId="6" fillId="0" borderId="1" xfId="3" applyFont="1" applyFill="1" applyBorder="1">
      <alignment vertical="center"/>
    </xf>
    <xf numFmtId="0" fontId="6" fillId="0" borderId="1" xfId="3" applyFont="1" applyFill="1" applyBorder="1" applyAlignment="1">
      <alignment horizontal="center" vertical="center"/>
    </xf>
    <xf numFmtId="0" fontId="6" fillId="0" borderId="1" xfId="3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left" vertical="center" shrinkToFit="1"/>
    </xf>
    <xf numFmtId="0" fontId="6" fillId="0" borderId="1" xfId="0" applyFont="1" applyFill="1" applyBorder="1" applyAlignment="1">
      <alignment horizontal="center" vertical="center" shrinkToFit="1"/>
    </xf>
    <xf numFmtId="0" fontId="6" fillId="0" borderId="5" xfId="0" applyFont="1" applyFill="1" applyBorder="1" applyAlignment="1">
      <alignment horizontal="center" vertical="center" shrinkToFit="1"/>
    </xf>
    <xf numFmtId="0" fontId="16" fillId="0" borderId="4" xfId="0" applyFont="1" applyFill="1" applyBorder="1">
      <alignment vertical="center"/>
    </xf>
    <xf numFmtId="0" fontId="6" fillId="0" borderId="2" xfId="0" applyFont="1" applyFill="1" applyBorder="1">
      <alignment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horizontal="left" vertical="center"/>
    </xf>
    <xf numFmtId="0" fontId="6" fillId="0" borderId="5" xfId="0" applyFont="1" applyFill="1" applyBorder="1" applyAlignment="1">
      <alignment horizontal="left" vertical="center"/>
    </xf>
    <xf numFmtId="0" fontId="6" fillId="0" borderId="5" xfId="0" applyFont="1" applyFill="1" applyBorder="1">
      <alignment vertical="center"/>
    </xf>
    <xf numFmtId="0" fontId="15" fillId="0" borderId="5" xfId="0" applyFont="1" applyFill="1" applyBorder="1">
      <alignment vertical="center"/>
    </xf>
    <xf numFmtId="0" fontId="12" fillId="0" borderId="5" xfId="0" applyFont="1" applyFill="1" applyBorder="1" applyAlignment="1">
      <alignment horizontal="left" vertical="center"/>
    </xf>
    <xf numFmtId="0" fontId="6" fillId="0" borderId="5" xfId="3" applyFont="1" applyFill="1" applyBorder="1" applyAlignment="1">
      <alignment horizontal="left" vertical="center"/>
    </xf>
    <xf numFmtId="0" fontId="6" fillId="0" borderId="5" xfId="0" applyFont="1" applyFill="1" applyBorder="1" applyAlignment="1">
      <alignment vertical="center" shrinkToFit="1"/>
    </xf>
    <xf numFmtId="0" fontId="6" fillId="0" borderId="5" xfId="0" applyFont="1" applyFill="1" applyBorder="1" applyAlignment="1">
      <alignment horizontal="left" vertical="center" shrinkToFit="1"/>
    </xf>
    <xf numFmtId="0" fontId="15" fillId="0" borderId="5" xfId="0" applyFont="1" applyFill="1" applyBorder="1" applyAlignment="1">
      <alignment vertical="center" shrinkToFit="1"/>
    </xf>
    <xf numFmtId="0" fontId="6" fillId="0" borderId="5" xfId="0" applyFont="1" applyFill="1" applyBorder="1" applyAlignment="1">
      <alignment vertical="center" wrapText="1"/>
    </xf>
    <xf numFmtId="0" fontId="15" fillId="0" borderId="5" xfId="0" applyFont="1" applyFill="1" applyBorder="1" applyAlignment="1">
      <alignment horizontal="center" vertical="center" wrapText="1"/>
    </xf>
    <xf numFmtId="0" fontId="15" fillId="0" borderId="5" xfId="0" applyFont="1" applyFill="1" applyBorder="1" applyAlignment="1">
      <alignment horizontal="center" vertical="center"/>
    </xf>
    <xf numFmtId="0" fontId="6" fillId="0" borderId="7" xfId="0" applyFont="1" applyFill="1" applyBorder="1">
      <alignment vertical="center"/>
    </xf>
    <xf numFmtId="0" fontId="5" fillId="2" borderId="6" xfId="0" applyFont="1" applyFill="1" applyBorder="1" applyAlignment="1">
      <alignment horizontal="center" vertical="center"/>
    </xf>
    <xf numFmtId="0" fontId="6" fillId="2" borderId="3" xfId="0" applyFont="1" applyFill="1" applyBorder="1" applyAlignment="1">
      <alignment horizontal="center" vertical="center"/>
    </xf>
    <xf numFmtId="0" fontId="6" fillId="2" borderId="3" xfId="0" applyFont="1" applyFill="1" applyBorder="1" applyAlignment="1">
      <alignment horizontal="center" vertical="center" wrapText="1"/>
    </xf>
    <xf numFmtId="0" fontId="6" fillId="2" borderId="8" xfId="0" applyFont="1" applyFill="1" applyBorder="1" applyAlignment="1">
      <alignment horizontal="center" vertical="center"/>
    </xf>
    <xf numFmtId="0" fontId="6" fillId="0" borderId="1" xfId="0" applyFont="1" applyFill="1" applyBorder="1" applyAlignment="1">
      <alignment vertical="center"/>
    </xf>
    <xf numFmtId="0" fontId="6" fillId="0" borderId="1" xfId="3" applyFont="1" applyFill="1" applyBorder="1" applyAlignment="1">
      <alignment vertical="center"/>
    </xf>
    <xf numFmtId="0" fontId="6" fillId="0" borderId="2" xfId="0" applyFont="1" applyFill="1" applyBorder="1" applyAlignment="1">
      <alignment vertical="center"/>
    </xf>
    <xf numFmtId="0" fontId="16" fillId="2" borderId="3" xfId="0" applyFont="1" applyFill="1" applyBorder="1" applyAlignment="1">
      <alignment horizontal="center" vertical="center" wrapText="1"/>
    </xf>
    <xf numFmtId="0" fontId="6" fillId="0" borderId="1" xfId="1" applyFont="1" applyFill="1" applyBorder="1" applyAlignment="1">
      <alignment horizontal="left" vertical="center" shrinkToFit="1"/>
    </xf>
    <xf numFmtId="0" fontId="6" fillId="0" borderId="1" xfId="1" applyFont="1" applyFill="1" applyBorder="1" applyAlignment="1">
      <alignment vertical="center" shrinkToFit="1"/>
    </xf>
    <xf numFmtId="0" fontId="6" fillId="0" borderId="7" xfId="0" applyFont="1" applyFill="1" applyBorder="1" applyAlignment="1">
      <alignment vertical="center" shrinkToFit="1"/>
    </xf>
    <xf numFmtId="0" fontId="6" fillId="0" borderId="7" xfId="0" applyFont="1" applyFill="1" applyBorder="1" applyAlignment="1">
      <alignment vertical="center" wrapText="1"/>
    </xf>
    <xf numFmtId="0" fontId="12" fillId="0" borderId="1" xfId="0" applyFont="1" applyFill="1" applyBorder="1" applyAlignment="1">
      <alignment horizontal="left" vertical="center"/>
    </xf>
    <xf numFmtId="0" fontId="12" fillId="0" borderId="5" xfId="0" applyFont="1" applyFill="1" applyBorder="1" applyAlignment="1">
      <alignment vertical="center" wrapText="1"/>
    </xf>
    <xf numFmtId="0" fontId="0" fillId="0" borderId="0" xfId="0" applyAlignment="1">
      <alignment horizontal="center" vertical="center"/>
    </xf>
    <xf numFmtId="0" fontId="16" fillId="0" borderId="1" xfId="0" applyFont="1" applyFill="1" applyBorder="1" applyAlignment="1">
      <alignment vertical="center" shrinkToFit="1"/>
    </xf>
    <xf numFmtId="0" fontId="6" fillId="0" borderId="7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vertical="center" wrapText="1"/>
    </xf>
    <xf numFmtId="0" fontId="3" fillId="0" borderId="0" xfId="0" applyFont="1" applyAlignment="1">
      <alignment vertic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16" fillId="0" borderId="1" xfId="0" applyFont="1" applyFill="1" applyBorder="1" applyAlignment="1">
      <alignment vertical="center" wrapText="1" shrinkToFit="1"/>
    </xf>
    <xf numFmtId="0" fontId="6" fillId="0" borderId="7" xfId="0" applyFont="1" applyFill="1" applyBorder="1" applyAlignment="1">
      <alignment vertical="center" wrapText="1" shrinkToFit="1"/>
    </xf>
  </cellXfs>
  <cellStyles count="4">
    <cellStyle name="標準" xfId="0" builtinId="0"/>
    <cellStyle name="標準 2" xfId="3"/>
    <cellStyle name="標準_保育園一覧10(kouritu)" xfId="1"/>
    <cellStyle name="標準_幼稚園一覧（市内50園新番付設）" xfId="2"/>
  </cellStyles>
  <dxfs count="14"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 style="thin">
          <color indexed="64"/>
        </left>
        <right/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alignment horizontal="center" vertical="center" textRotation="0" wrapText="0" indent="0" justifyLastLine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alignment horizontal="left" vertical="center" textRotation="0" wrapText="0" indent="0" justifyLastLine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alignment horizontal="center" vertical="center" textRotation="0" wrapText="0" indent="0" justifyLastLine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alignment horizontal="center" vertical="center" textRotation="0" wrapText="0" indent="0" justifyLastLine="0" readingOrder="0"/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  <border diagonalUp="0" diagonalDown="0" outline="0">
        <left/>
        <right style="thin">
          <color indexed="64"/>
        </right>
        <top style="thin">
          <color indexed="64"/>
        </top>
        <bottom style="thin">
          <color indexed="64"/>
        </bottom>
      </border>
    </dxf>
    <dxf>
      <border>
        <top style="thin">
          <color indexed="64"/>
        </top>
      </border>
    </dxf>
    <dxf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color auto="1"/>
        <name val="ＭＳ 明朝"/>
        <scheme val="none"/>
      </font>
      <fill>
        <patternFill patternType="none">
          <fgColor indexed="64"/>
          <bgColor auto="1"/>
        </patternFill>
      </fill>
    </dxf>
    <dxf>
      <border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sz val="12"/>
        <color auto="1"/>
        <name val="ＭＳ 明朝"/>
        <scheme val="none"/>
      </font>
      <fill>
        <patternFill patternType="solid">
          <fgColor indexed="64"/>
          <bgColor theme="2" tint="-9.9978637043366805E-2"/>
        </patternFill>
      </fill>
      <alignment horizontal="center" vertical="center" textRotation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id="1" name="テーブル1" displayName="テーブル1" ref="A2:I456" totalsRowShown="0" headerRowDxfId="13" dataDxfId="11" headerRowBorderDxfId="12" tableBorderDxfId="10" totalsRowBorderDxfId="9">
  <autoFilter ref="A2:I456"/>
  <tableColumns count="9">
    <tableColumn id="1" name="No" dataDxfId="8"/>
    <tableColumn id="2" name="市町村名" dataDxfId="7"/>
    <tableColumn id="7" name="新制度_x000a_幼稚園" dataDxfId="6"/>
    <tableColumn id="3" name="私学_x000a_助成_x000a_幼稚園" dataDxfId="5"/>
    <tableColumn id="9" name="幼稚園名" dataDxfId="4"/>
    <tableColumn id="4" name="住所" dataDxfId="3"/>
    <tableColumn id="12" name="電話" dataDxfId="2"/>
    <tableColumn id="5" name="認可外保育_x000a_利用の無償化の可否※" dataDxfId="1"/>
    <tableColumn id="6" name="備考" dataDxfId="0"/>
  </tableColumns>
  <tableStyleInfo name="TableStyleLight14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56"/>
  <sheetViews>
    <sheetView tabSelected="1" view="pageBreakPreview" zoomScale="70" zoomScaleNormal="100" zoomScaleSheetLayoutView="70" workbookViewId="0">
      <pane ySplit="2" topLeftCell="A3" activePane="bottomLeft" state="frozen"/>
      <selection pane="bottomLeft" activeCell="F379" sqref="F379"/>
    </sheetView>
  </sheetViews>
  <sheetFormatPr defaultRowHeight="14.4" x14ac:dyDescent="0.2"/>
  <cols>
    <col min="1" max="1" width="4" customWidth="1"/>
    <col min="2" max="2" width="10.09765625" customWidth="1"/>
    <col min="3" max="4" width="7.296875" style="49" customWidth="1"/>
    <col min="5" max="5" width="31.296875" style="2" customWidth="1"/>
    <col min="6" max="6" width="31.8984375" customWidth="1"/>
    <col min="7" max="7" width="13.3984375" customWidth="1"/>
    <col min="8" max="8" width="11" customWidth="1"/>
    <col min="9" max="9" width="17.69921875" customWidth="1"/>
  </cols>
  <sheetData>
    <row r="1" spans="1:9" ht="85.8" customHeight="1" x14ac:dyDescent="0.2">
      <c r="A1" s="55" t="s">
        <v>1323</v>
      </c>
      <c r="B1" s="56"/>
      <c r="C1" s="56"/>
      <c r="D1" s="56"/>
      <c r="E1" s="56"/>
      <c r="F1" s="53" t="s">
        <v>1324</v>
      </c>
      <c r="G1" s="54"/>
      <c r="H1" s="57" t="s">
        <v>1360</v>
      </c>
      <c r="I1" s="57"/>
    </row>
    <row r="2" spans="1:9" ht="66" customHeight="1" x14ac:dyDescent="0.2">
      <c r="A2" s="35" t="s">
        <v>0</v>
      </c>
      <c r="B2" s="36" t="s">
        <v>1</v>
      </c>
      <c r="C2" s="42" t="s">
        <v>5</v>
      </c>
      <c r="D2" s="42" t="s">
        <v>6</v>
      </c>
      <c r="E2" s="37" t="s">
        <v>7</v>
      </c>
      <c r="F2" s="36" t="s">
        <v>2</v>
      </c>
      <c r="G2" s="36" t="s">
        <v>4</v>
      </c>
      <c r="H2" s="42" t="s">
        <v>243</v>
      </c>
      <c r="I2" s="38" t="s">
        <v>3</v>
      </c>
    </row>
    <row r="3" spans="1:9" s="2" customFormat="1" x14ac:dyDescent="0.2">
      <c r="A3" s="19">
        <v>1</v>
      </c>
      <c r="B3" s="5" t="s">
        <v>833</v>
      </c>
      <c r="C3" s="6" t="s">
        <v>9</v>
      </c>
      <c r="D3" s="6"/>
      <c r="E3" s="7" t="s">
        <v>834</v>
      </c>
      <c r="F3" s="7" t="s">
        <v>835</v>
      </c>
      <c r="G3" s="8"/>
      <c r="H3" s="6" t="s">
        <v>92</v>
      </c>
      <c r="I3" s="23"/>
    </row>
    <row r="4" spans="1:9" s="2" customFormat="1" x14ac:dyDescent="0.2">
      <c r="A4" s="19">
        <v>2</v>
      </c>
      <c r="B4" s="5" t="s">
        <v>833</v>
      </c>
      <c r="C4" s="6"/>
      <c r="D4" s="6" t="s">
        <v>9</v>
      </c>
      <c r="E4" s="7" t="s">
        <v>836</v>
      </c>
      <c r="F4" s="7" t="s">
        <v>837</v>
      </c>
      <c r="G4" s="8"/>
      <c r="H4" s="6" t="s">
        <v>92</v>
      </c>
      <c r="I4" s="23"/>
    </row>
    <row r="5" spans="1:9" s="2" customFormat="1" x14ac:dyDescent="0.2">
      <c r="A5" s="19">
        <v>3</v>
      </c>
      <c r="B5" s="5" t="s">
        <v>833</v>
      </c>
      <c r="C5" s="6"/>
      <c r="D5" s="6" t="s">
        <v>9</v>
      </c>
      <c r="E5" s="7" t="s">
        <v>838</v>
      </c>
      <c r="F5" s="7" t="s">
        <v>839</v>
      </c>
      <c r="G5" s="8"/>
      <c r="H5" s="6" t="s">
        <v>9</v>
      </c>
      <c r="I5" s="23"/>
    </row>
    <row r="6" spans="1:9" s="2" customFormat="1" x14ac:dyDescent="0.2">
      <c r="A6" s="19">
        <v>4</v>
      </c>
      <c r="B6" s="5" t="s">
        <v>833</v>
      </c>
      <c r="C6" s="6"/>
      <c r="D6" s="6" t="s">
        <v>9</v>
      </c>
      <c r="E6" s="7" t="s">
        <v>840</v>
      </c>
      <c r="F6" s="7" t="s">
        <v>841</v>
      </c>
      <c r="G6" s="8"/>
      <c r="H6" s="6" t="s">
        <v>9</v>
      </c>
      <c r="I6" s="23"/>
    </row>
    <row r="7" spans="1:9" s="2" customFormat="1" x14ac:dyDescent="0.2">
      <c r="A7" s="19">
        <v>5</v>
      </c>
      <c r="B7" s="5" t="s">
        <v>833</v>
      </c>
      <c r="C7" s="6"/>
      <c r="D7" s="6" t="s">
        <v>9</v>
      </c>
      <c r="E7" s="7" t="s">
        <v>842</v>
      </c>
      <c r="F7" s="7" t="s">
        <v>843</v>
      </c>
      <c r="G7" s="8"/>
      <c r="H7" s="6" t="s">
        <v>92</v>
      </c>
      <c r="I7" s="23"/>
    </row>
    <row r="8" spans="1:9" s="2" customFormat="1" x14ac:dyDescent="0.2">
      <c r="A8" s="19">
        <v>6</v>
      </c>
      <c r="B8" s="5" t="s">
        <v>833</v>
      </c>
      <c r="C8" s="6"/>
      <c r="D8" s="6" t="s">
        <v>9</v>
      </c>
      <c r="E8" s="7" t="s">
        <v>844</v>
      </c>
      <c r="F8" s="7" t="s">
        <v>845</v>
      </c>
      <c r="G8" s="8"/>
      <c r="H8" s="6" t="s">
        <v>92</v>
      </c>
      <c r="I8" s="23"/>
    </row>
    <row r="9" spans="1:9" s="2" customFormat="1" x14ac:dyDescent="0.2">
      <c r="A9" s="19">
        <v>7</v>
      </c>
      <c r="B9" s="5" t="s">
        <v>833</v>
      </c>
      <c r="C9" s="6"/>
      <c r="D9" s="6" t="s">
        <v>9</v>
      </c>
      <c r="E9" s="7" t="s">
        <v>846</v>
      </c>
      <c r="F9" s="7" t="s">
        <v>847</v>
      </c>
      <c r="G9" s="8"/>
      <c r="H9" s="6" t="s">
        <v>92</v>
      </c>
      <c r="I9" s="23"/>
    </row>
    <row r="10" spans="1:9" s="2" customFormat="1" x14ac:dyDescent="0.2">
      <c r="A10" s="19">
        <v>8</v>
      </c>
      <c r="B10" s="5" t="s">
        <v>833</v>
      </c>
      <c r="C10" s="6" t="s">
        <v>9</v>
      </c>
      <c r="D10" s="6"/>
      <c r="E10" s="7" t="s">
        <v>848</v>
      </c>
      <c r="F10" s="7" t="s">
        <v>849</v>
      </c>
      <c r="G10" s="8"/>
      <c r="H10" s="6" t="s">
        <v>92</v>
      </c>
      <c r="I10" s="23"/>
    </row>
    <row r="11" spans="1:9" s="2" customFormat="1" x14ac:dyDescent="0.2">
      <c r="A11" s="19">
        <v>9</v>
      </c>
      <c r="B11" s="5" t="s">
        <v>833</v>
      </c>
      <c r="C11" s="6" t="s">
        <v>9</v>
      </c>
      <c r="D11" s="6"/>
      <c r="E11" s="7" t="s">
        <v>850</v>
      </c>
      <c r="F11" s="7" t="s">
        <v>851</v>
      </c>
      <c r="G11" s="5"/>
      <c r="H11" s="6" t="s">
        <v>92</v>
      </c>
      <c r="I11" s="24"/>
    </row>
    <row r="12" spans="1:9" s="2" customFormat="1" x14ac:dyDescent="0.2">
      <c r="A12" s="19">
        <v>10</v>
      </c>
      <c r="B12" s="5" t="s">
        <v>833</v>
      </c>
      <c r="C12" s="6"/>
      <c r="D12" s="6" t="s">
        <v>9</v>
      </c>
      <c r="E12" s="7" t="s">
        <v>852</v>
      </c>
      <c r="F12" s="7" t="s">
        <v>853</v>
      </c>
      <c r="G12" s="8"/>
      <c r="H12" s="6" t="s">
        <v>9</v>
      </c>
      <c r="I12" s="23"/>
    </row>
    <row r="13" spans="1:9" x14ac:dyDescent="0.2">
      <c r="A13" s="19">
        <v>11</v>
      </c>
      <c r="B13" s="5" t="s">
        <v>833</v>
      </c>
      <c r="C13" s="6" t="s">
        <v>9</v>
      </c>
      <c r="D13" s="6"/>
      <c r="E13" s="7" t="s">
        <v>854</v>
      </c>
      <c r="F13" s="7" t="s">
        <v>855</v>
      </c>
      <c r="G13" s="5"/>
      <c r="H13" s="6" t="s">
        <v>92</v>
      </c>
      <c r="I13" s="24"/>
    </row>
    <row r="14" spans="1:9" s="2" customFormat="1" x14ac:dyDescent="0.2">
      <c r="A14" s="19">
        <v>12</v>
      </c>
      <c r="B14" s="5" t="s">
        <v>833</v>
      </c>
      <c r="C14" s="6" t="s">
        <v>9</v>
      </c>
      <c r="D14" s="6"/>
      <c r="E14" s="7" t="s">
        <v>856</v>
      </c>
      <c r="F14" s="7" t="s">
        <v>857</v>
      </c>
      <c r="G14" s="8"/>
      <c r="H14" s="6" t="s">
        <v>92</v>
      </c>
      <c r="I14" s="23"/>
    </row>
    <row r="15" spans="1:9" x14ac:dyDescent="0.2">
      <c r="A15" s="19">
        <v>13</v>
      </c>
      <c r="B15" s="5" t="s">
        <v>833</v>
      </c>
      <c r="C15" s="6" t="s">
        <v>9</v>
      </c>
      <c r="D15" s="6"/>
      <c r="E15" s="7" t="s">
        <v>858</v>
      </c>
      <c r="F15" s="7" t="s">
        <v>859</v>
      </c>
      <c r="G15" s="8"/>
      <c r="H15" s="6" t="s">
        <v>92</v>
      </c>
      <c r="I15" s="23"/>
    </row>
    <row r="16" spans="1:9" x14ac:dyDescent="0.2">
      <c r="A16" s="19">
        <v>14</v>
      </c>
      <c r="B16" s="5" t="s">
        <v>833</v>
      </c>
      <c r="C16" s="6" t="s">
        <v>9</v>
      </c>
      <c r="D16" s="6"/>
      <c r="E16" s="7" t="s">
        <v>860</v>
      </c>
      <c r="F16" s="7" t="s">
        <v>861</v>
      </c>
      <c r="G16" s="8"/>
      <c r="H16" s="6" t="s">
        <v>92</v>
      </c>
      <c r="I16" s="23"/>
    </row>
    <row r="17" spans="1:9" x14ac:dyDescent="0.2">
      <c r="A17" s="19">
        <v>15</v>
      </c>
      <c r="B17" s="5" t="s">
        <v>833</v>
      </c>
      <c r="C17" s="6"/>
      <c r="D17" s="6" t="s">
        <v>9</v>
      </c>
      <c r="E17" s="7" t="s">
        <v>862</v>
      </c>
      <c r="F17" s="7" t="s">
        <v>863</v>
      </c>
      <c r="G17" s="8"/>
      <c r="H17" s="6" t="s">
        <v>92</v>
      </c>
      <c r="I17" s="23"/>
    </row>
    <row r="18" spans="1:9" s="4" customFormat="1" x14ac:dyDescent="0.2">
      <c r="A18" s="19">
        <v>16</v>
      </c>
      <c r="B18" s="5" t="s">
        <v>833</v>
      </c>
      <c r="C18" s="6" t="s">
        <v>9</v>
      </c>
      <c r="D18" s="6"/>
      <c r="E18" s="7" t="s">
        <v>1192</v>
      </c>
      <c r="F18" s="7" t="s">
        <v>1193</v>
      </c>
      <c r="G18" s="5"/>
      <c r="H18" s="6" t="s">
        <v>92</v>
      </c>
      <c r="I18" s="24"/>
    </row>
    <row r="19" spans="1:9" x14ac:dyDescent="0.2">
      <c r="A19" s="19">
        <v>17</v>
      </c>
      <c r="B19" s="5" t="s">
        <v>833</v>
      </c>
      <c r="C19" s="6" t="s">
        <v>9</v>
      </c>
      <c r="D19" s="6"/>
      <c r="E19" s="7" t="s">
        <v>864</v>
      </c>
      <c r="F19" s="7" t="s">
        <v>865</v>
      </c>
      <c r="G19" s="5"/>
      <c r="H19" s="6" t="s">
        <v>92</v>
      </c>
      <c r="I19" s="24"/>
    </row>
    <row r="20" spans="1:9" x14ac:dyDescent="0.2">
      <c r="A20" s="19">
        <v>18</v>
      </c>
      <c r="B20" s="5" t="s">
        <v>833</v>
      </c>
      <c r="C20" s="6"/>
      <c r="D20" s="6" t="s">
        <v>9</v>
      </c>
      <c r="E20" s="7" t="s">
        <v>866</v>
      </c>
      <c r="F20" s="7" t="s">
        <v>867</v>
      </c>
      <c r="G20" s="8"/>
      <c r="H20" s="6" t="s">
        <v>9</v>
      </c>
      <c r="I20" s="23"/>
    </row>
    <row r="21" spans="1:9" x14ac:dyDescent="0.2">
      <c r="A21" s="19">
        <v>19</v>
      </c>
      <c r="B21" s="5" t="s">
        <v>833</v>
      </c>
      <c r="C21" s="6" t="s">
        <v>9</v>
      </c>
      <c r="D21" s="6"/>
      <c r="E21" s="7" t="s">
        <v>1180</v>
      </c>
      <c r="F21" s="7" t="s">
        <v>868</v>
      </c>
      <c r="G21" s="8"/>
      <c r="H21" s="6" t="s">
        <v>92</v>
      </c>
      <c r="I21" s="23"/>
    </row>
    <row r="22" spans="1:9" x14ac:dyDescent="0.2">
      <c r="A22" s="19">
        <v>20</v>
      </c>
      <c r="B22" s="5" t="s">
        <v>833</v>
      </c>
      <c r="C22" s="6"/>
      <c r="D22" s="6" t="s">
        <v>9</v>
      </c>
      <c r="E22" s="7" t="s">
        <v>869</v>
      </c>
      <c r="F22" s="7" t="s">
        <v>870</v>
      </c>
      <c r="G22" s="8"/>
      <c r="H22" s="6" t="s">
        <v>75</v>
      </c>
      <c r="I22" s="23"/>
    </row>
    <row r="23" spans="1:9" s="2" customFormat="1" x14ac:dyDescent="0.2">
      <c r="A23" s="19">
        <v>21</v>
      </c>
      <c r="B23" s="5" t="s">
        <v>833</v>
      </c>
      <c r="C23" s="6"/>
      <c r="D23" s="6" t="s">
        <v>9</v>
      </c>
      <c r="E23" s="7" t="s">
        <v>871</v>
      </c>
      <c r="F23" s="7" t="s">
        <v>872</v>
      </c>
      <c r="G23" s="8"/>
      <c r="H23" s="6" t="s">
        <v>9</v>
      </c>
      <c r="I23" s="23"/>
    </row>
    <row r="24" spans="1:9" s="2" customFormat="1" x14ac:dyDescent="0.2">
      <c r="A24" s="19">
        <v>22</v>
      </c>
      <c r="B24" s="5" t="s">
        <v>833</v>
      </c>
      <c r="C24" s="6"/>
      <c r="D24" s="6" t="s">
        <v>9</v>
      </c>
      <c r="E24" s="7" t="s">
        <v>873</v>
      </c>
      <c r="F24" s="7" t="s">
        <v>874</v>
      </c>
      <c r="G24" s="8"/>
      <c r="H24" s="6" t="s">
        <v>92</v>
      </c>
      <c r="I24" s="23"/>
    </row>
    <row r="25" spans="1:9" s="2" customFormat="1" x14ac:dyDescent="0.2">
      <c r="A25" s="19">
        <v>23</v>
      </c>
      <c r="B25" s="5" t="s">
        <v>833</v>
      </c>
      <c r="C25" s="6"/>
      <c r="D25" s="6" t="s">
        <v>9</v>
      </c>
      <c r="E25" s="7" t="s">
        <v>875</v>
      </c>
      <c r="F25" s="7" t="s">
        <v>876</v>
      </c>
      <c r="G25" s="8"/>
      <c r="H25" s="6" t="s">
        <v>9</v>
      </c>
      <c r="I25" s="23"/>
    </row>
    <row r="26" spans="1:9" s="2" customFormat="1" x14ac:dyDescent="0.2">
      <c r="A26" s="19">
        <v>24</v>
      </c>
      <c r="B26" s="5" t="s">
        <v>833</v>
      </c>
      <c r="C26" s="6"/>
      <c r="D26" s="6" t="s">
        <v>9</v>
      </c>
      <c r="E26" s="7" t="s">
        <v>877</v>
      </c>
      <c r="F26" s="7" t="s">
        <v>878</v>
      </c>
      <c r="G26" s="8"/>
      <c r="H26" s="6" t="s">
        <v>92</v>
      </c>
      <c r="I26" s="23"/>
    </row>
    <row r="27" spans="1:9" s="2" customFormat="1" x14ac:dyDescent="0.2">
      <c r="A27" s="19">
        <v>25</v>
      </c>
      <c r="B27" s="5" t="s">
        <v>833</v>
      </c>
      <c r="C27" s="6"/>
      <c r="D27" s="6" t="s">
        <v>9</v>
      </c>
      <c r="E27" s="7" t="s">
        <v>879</v>
      </c>
      <c r="F27" s="7" t="s">
        <v>880</v>
      </c>
      <c r="G27" s="8"/>
      <c r="H27" s="6" t="s">
        <v>92</v>
      </c>
      <c r="I27" s="23"/>
    </row>
    <row r="28" spans="1:9" s="2" customFormat="1" x14ac:dyDescent="0.2">
      <c r="A28" s="19">
        <v>26</v>
      </c>
      <c r="B28" s="5" t="s">
        <v>833</v>
      </c>
      <c r="C28" s="6"/>
      <c r="D28" s="6" t="s">
        <v>9</v>
      </c>
      <c r="E28" s="7" t="s">
        <v>881</v>
      </c>
      <c r="F28" s="7" t="s">
        <v>882</v>
      </c>
      <c r="G28" s="8"/>
      <c r="H28" s="6" t="s">
        <v>9</v>
      </c>
      <c r="I28" s="23"/>
    </row>
    <row r="29" spans="1:9" s="2" customFormat="1" x14ac:dyDescent="0.2">
      <c r="A29" s="19">
        <v>27</v>
      </c>
      <c r="B29" s="5" t="s">
        <v>833</v>
      </c>
      <c r="C29" s="6" t="s">
        <v>9</v>
      </c>
      <c r="D29" s="6"/>
      <c r="E29" s="7" t="s">
        <v>883</v>
      </c>
      <c r="F29" s="7" t="s">
        <v>884</v>
      </c>
      <c r="G29" s="8"/>
      <c r="H29" s="6" t="s">
        <v>92</v>
      </c>
      <c r="I29" s="23"/>
    </row>
    <row r="30" spans="1:9" s="2" customFormat="1" x14ac:dyDescent="0.2">
      <c r="A30" s="19">
        <v>28</v>
      </c>
      <c r="B30" s="5" t="s">
        <v>833</v>
      </c>
      <c r="C30" s="6"/>
      <c r="D30" s="6" t="s">
        <v>9</v>
      </c>
      <c r="E30" s="7" t="s">
        <v>885</v>
      </c>
      <c r="F30" s="7" t="s">
        <v>886</v>
      </c>
      <c r="G30" s="8"/>
      <c r="H30" s="6" t="s">
        <v>9</v>
      </c>
      <c r="I30" s="23"/>
    </row>
    <row r="31" spans="1:9" s="2" customFormat="1" x14ac:dyDescent="0.2">
      <c r="A31" s="19">
        <v>29</v>
      </c>
      <c r="B31" s="5" t="s">
        <v>833</v>
      </c>
      <c r="C31" s="6"/>
      <c r="D31" s="6" t="s">
        <v>9</v>
      </c>
      <c r="E31" s="7" t="s">
        <v>887</v>
      </c>
      <c r="F31" s="7" t="s">
        <v>888</v>
      </c>
      <c r="G31" s="8"/>
      <c r="H31" s="6" t="s">
        <v>92</v>
      </c>
      <c r="I31" s="23"/>
    </row>
    <row r="32" spans="1:9" s="2" customFormat="1" x14ac:dyDescent="0.2">
      <c r="A32" s="19">
        <v>30</v>
      </c>
      <c r="B32" s="5" t="s">
        <v>833</v>
      </c>
      <c r="C32" s="6"/>
      <c r="D32" s="6" t="s">
        <v>9</v>
      </c>
      <c r="E32" s="7" t="s">
        <v>889</v>
      </c>
      <c r="F32" s="7" t="s">
        <v>890</v>
      </c>
      <c r="G32" s="8"/>
      <c r="H32" s="6" t="s">
        <v>92</v>
      </c>
      <c r="I32" s="23"/>
    </row>
    <row r="33" spans="1:9" s="2" customFormat="1" x14ac:dyDescent="0.2">
      <c r="A33" s="19">
        <v>31</v>
      </c>
      <c r="B33" s="5" t="s">
        <v>833</v>
      </c>
      <c r="C33" s="6"/>
      <c r="D33" s="6" t="s">
        <v>9</v>
      </c>
      <c r="E33" s="7" t="s">
        <v>891</v>
      </c>
      <c r="F33" s="7" t="s">
        <v>892</v>
      </c>
      <c r="G33" s="8"/>
      <c r="H33" s="6" t="s">
        <v>9</v>
      </c>
      <c r="I33" s="23"/>
    </row>
    <row r="34" spans="1:9" s="2" customFormat="1" x14ac:dyDescent="0.2">
      <c r="A34" s="19">
        <v>32</v>
      </c>
      <c r="B34" s="5" t="s">
        <v>833</v>
      </c>
      <c r="C34" s="6"/>
      <c r="D34" s="6" t="s">
        <v>9</v>
      </c>
      <c r="E34" s="7" t="s">
        <v>893</v>
      </c>
      <c r="F34" s="7" t="s">
        <v>894</v>
      </c>
      <c r="G34" s="8"/>
      <c r="H34" s="6" t="s">
        <v>9</v>
      </c>
      <c r="I34" s="23"/>
    </row>
    <row r="35" spans="1:9" s="2" customFormat="1" x14ac:dyDescent="0.2">
      <c r="A35" s="19">
        <v>33</v>
      </c>
      <c r="B35" s="5" t="s">
        <v>833</v>
      </c>
      <c r="C35" s="6"/>
      <c r="D35" s="6" t="s">
        <v>9</v>
      </c>
      <c r="E35" s="7" t="s">
        <v>895</v>
      </c>
      <c r="F35" s="7" t="s">
        <v>896</v>
      </c>
      <c r="G35" s="8"/>
      <c r="H35" s="6" t="s">
        <v>9</v>
      </c>
      <c r="I35" s="23"/>
    </row>
    <row r="36" spans="1:9" s="2" customFormat="1" x14ac:dyDescent="0.2">
      <c r="A36" s="19">
        <v>34</v>
      </c>
      <c r="B36" s="5" t="s">
        <v>833</v>
      </c>
      <c r="C36" s="6"/>
      <c r="D36" s="6" t="s">
        <v>9</v>
      </c>
      <c r="E36" s="7" t="s">
        <v>897</v>
      </c>
      <c r="F36" s="7" t="s">
        <v>898</v>
      </c>
      <c r="G36" s="8"/>
      <c r="H36" s="6" t="s">
        <v>92</v>
      </c>
      <c r="I36" s="23"/>
    </row>
    <row r="37" spans="1:9" s="2" customFormat="1" x14ac:dyDescent="0.2">
      <c r="A37" s="19">
        <v>35</v>
      </c>
      <c r="B37" s="5" t="s">
        <v>833</v>
      </c>
      <c r="C37" s="6"/>
      <c r="D37" s="6" t="s">
        <v>9</v>
      </c>
      <c r="E37" s="7" t="s">
        <v>899</v>
      </c>
      <c r="F37" s="7" t="s">
        <v>900</v>
      </c>
      <c r="G37" s="8"/>
      <c r="H37" s="6" t="s">
        <v>9</v>
      </c>
      <c r="I37" s="23"/>
    </row>
    <row r="38" spans="1:9" s="2" customFormat="1" x14ac:dyDescent="0.2">
      <c r="A38" s="19">
        <v>36</v>
      </c>
      <c r="B38" s="5" t="s">
        <v>833</v>
      </c>
      <c r="C38" s="6"/>
      <c r="D38" s="6" t="s">
        <v>9</v>
      </c>
      <c r="E38" s="7" t="s">
        <v>901</v>
      </c>
      <c r="F38" s="7" t="s">
        <v>902</v>
      </c>
      <c r="G38" s="8"/>
      <c r="H38" s="6" t="s">
        <v>9</v>
      </c>
      <c r="I38" s="23"/>
    </row>
    <row r="39" spans="1:9" s="2" customFormat="1" x14ac:dyDescent="0.2">
      <c r="A39" s="19">
        <v>37</v>
      </c>
      <c r="B39" s="5" t="s">
        <v>833</v>
      </c>
      <c r="C39" s="6"/>
      <c r="D39" s="6" t="s">
        <v>9</v>
      </c>
      <c r="E39" s="7" t="s">
        <v>903</v>
      </c>
      <c r="F39" s="7" t="s">
        <v>904</v>
      </c>
      <c r="G39" s="8"/>
      <c r="H39" s="6" t="s">
        <v>9</v>
      </c>
      <c r="I39" s="23"/>
    </row>
    <row r="40" spans="1:9" s="2" customFormat="1" x14ac:dyDescent="0.2">
      <c r="A40" s="19">
        <v>38</v>
      </c>
      <c r="B40" s="5" t="s">
        <v>833</v>
      </c>
      <c r="C40" s="6"/>
      <c r="D40" s="6" t="s">
        <v>9</v>
      </c>
      <c r="E40" s="7" t="s">
        <v>905</v>
      </c>
      <c r="F40" s="7" t="s">
        <v>906</v>
      </c>
      <c r="G40" s="8"/>
      <c r="H40" s="6" t="s">
        <v>9</v>
      </c>
      <c r="I40" s="23"/>
    </row>
    <row r="41" spans="1:9" s="2" customFormat="1" x14ac:dyDescent="0.2">
      <c r="A41" s="19">
        <v>39</v>
      </c>
      <c r="B41" s="5" t="s">
        <v>833</v>
      </c>
      <c r="C41" s="6"/>
      <c r="D41" s="6" t="s">
        <v>9</v>
      </c>
      <c r="E41" s="7" t="s">
        <v>907</v>
      </c>
      <c r="F41" s="7" t="s">
        <v>908</v>
      </c>
      <c r="G41" s="8"/>
      <c r="H41" s="6" t="s">
        <v>9</v>
      </c>
      <c r="I41" s="23"/>
    </row>
    <row r="42" spans="1:9" s="2" customFormat="1" x14ac:dyDescent="0.2">
      <c r="A42" s="19">
        <v>40</v>
      </c>
      <c r="B42" s="5" t="s">
        <v>833</v>
      </c>
      <c r="C42" s="6" t="s">
        <v>9</v>
      </c>
      <c r="D42" s="6"/>
      <c r="E42" s="7" t="s">
        <v>909</v>
      </c>
      <c r="F42" s="7" t="s">
        <v>910</v>
      </c>
      <c r="G42" s="5"/>
      <c r="H42" s="6" t="s">
        <v>92</v>
      </c>
      <c r="I42" s="24"/>
    </row>
    <row r="43" spans="1:9" s="2" customFormat="1" x14ac:dyDescent="0.2">
      <c r="A43" s="19">
        <v>41</v>
      </c>
      <c r="B43" s="5" t="s">
        <v>833</v>
      </c>
      <c r="C43" s="6" t="s">
        <v>9</v>
      </c>
      <c r="D43" s="6"/>
      <c r="E43" s="7" t="s">
        <v>911</v>
      </c>
      <c r="F43" s="7" t="s">
        <v>912</v>
      </c>
      <c r="G43" s="8"/>
      <c r="H43" s="6" t="s">
        <v>92</v>
      </c>
      <c r="I43" s="23"/>
    </row>
    <row r="44" spans="1:9" s="2" customFormat="1" x14ac:dyDescent="0.2">
      <c r="A44" s="19">
        <v>42</v>
      </c>
      <c r="B44" s="5" t="s">
        <v>833</v>
      </c>
      <c r="C44" s="6"/>
      <c r="D44" s="6" t="s">
        <v>9</v>
      </c>
      <c r="E44" s="7" t="s">
        <v>913</v>
      </c>
      <c r="F44" s="7" t="s">
        <v>914</v>
      </c>
      <c r="G44" s="8"/>
      <c r="H44" s="6" t="s">
        <v>9</v>
      </c>
      <c r="I44" s="23"/>
    </row>
    <row r="45" spans="1:9" s="2" customFormat="1" x14ac:dyDescent="0.2">
      <c r="A45" s="19">
        <v>43</v>
      </c>
      <c r="B45" s="5" t="s">
        <v>833</v>
      </c>
      <c r="C45" s="6"/>
      <c r="D45" s="6" t="s">
        <v>9</v>
      </c>
      <c r="E45" s="7" t="s">
        <v>915</v>
      </c>
      <c r="F45" s="7" t="s">
        <v>916</v>
      </c>
      <c r="G45" s="8"/>
      <c r="H45" s="6" t="s">
        <v>9</v>
      </c>
      <c r="I45" s="23"/>
    </row>
    <row r="46" spans="1:9" s="2" customFormat="1" x14ac:dyDescent="0.2">
      <c r="A46" s="19">
        <v>44</v>
      </c>
      <c r="B46" s="5" t="s">
        <v>833</v>
      </c>
      <c r="C46" s="6"/>
      <c r="D46" s="6" t="s">
        <v>9</v>
      </c>
      <c r="E46" s="7" t="s">
        <v>917</v>
      </c>
      <c r="F46" s="7" t="s">
        <v>918</v>
      </c>
      <c r="G46" s="8"/>
      <c r="H46" s="6" t="s">
        <v>92</v>
      </c>
      <c r="I46" s="23"/>
    </row>
    <row r="47" spans="1:9" s="2" customFormat="1" x14ac:dyDescent="0.2">
      <c r="A47" s="19">
        <v>45</v>
      </c>
      <c r="B47" s="5" t="s">
        <v>833</v>
      </c>
      <c r="C47" s="6"/>
      <c r="D47" s="6" t="s">
        <v>9</v>
      </c>
      <c r="E47" s="7" t="s">
        <v>919</v>
      </c>
      <c r="F47" s="7" t="s">
        <v>920</v>
      </c>
      <c r="G47" s="5"/>
      <c r="H47" s="6" t="s">
        <v>92</v>
      </c>
      <c r="I47" s="24"/>
    </row>
    <row r="48" spans="1:9" s="2" customFormat="1" x14ac:dyDescent="0.2">
      <c r="A48" s="19">
        <v>46</v>
      </c>
      <c r="B48" s="5" t="s">
        <v>833</v>
      </c>
      <c r="C48" s="6"/>
      <c r="D48" s="6" t="s">
        <v>9</v>
      </c>
      <c r="E48" s="7" t="s">
        <v>921</v>
      </c>
      <c r="F48" s="7" t="s">
        <v>922</v>
      </c>
      <c r="G48" s="8"/>
      <c r="H48" s="6" t="s">
        <v>1153</v>
      </c>
      <c r="I48" s="23"/>
    </row>
    <row r="49" spans="1:9" s="2" customFormat="1" x14ac:dyDescent="0.2">
      <c r="A49" s="19">
        <v>47</v>
      </c>
      <c r="B49" s="5" t="s">
        <v>833</v>
      </c>
      <c r="C49" s="6" t="s">
        <v>9</v>
      </c>
      <c r="D49" s="6"/>
      <c r="E49" s="7" t="s">
        <v>923</v>
      </c>
      <c r="F49" s="7" t="s">
        <v>924</v>
      </c>
      <c r="G49" s="5"/>
      <c r="H49" s="6" t="s">
        <v>92</v>
      </c>
      <c r="I49" s="24"/>
    </row>
    <row r="50" spans="1:9" s="2" customFormat="1" x14ac:dyDescent="0.2">
      <c r="A50" s="19">
        <v>48</v>
      </c>
      <c r="B50" s="5" t="s">
        <v>833</v>
      </c>
      <c r="C50" s="6"/>
      <c r="D50" s="6" t="s">
        <v>9</v>
      </c>
      <c r="E50" s="7" t="s">
        <v>925</v>
      </c>
      <c r="F50" s="7" t="s">
        <v>926</v>
      </c>
      <c r="G50" s="5"/>
      <c r="H50" s="6" t="s">
        <v>92</v>
      </c>
      <c r="I50" s="24"/>
    </row>
    <row r="51" spans="1:9" s="2" customFormat="1" x14ac:dyDescent="0.2">
      <c r="A51" s="19">
        <v>49</v>
      </c>
      <c r="B51" s="5" t="s">
        <v>833</v>
      </c>
      <c r="C51" s="6"/>
      <c r="D51" s="6" t="s">
        <v>9</v>
      </c>
      <c r="E51" s="7" t="s">
        <v>927</v>
      </c>
      <c r="F51" s="7" t="s">
        <v>928</v>
      </c>
      <c r="G51" s="5"/>
      <c r="H51" s="6" t="s">
        <v>92</v>
      </c>
      <c r="I51" s="24"/>
    </row>
    <row r="52" spans="1:9" s="2" customFormat="1" x14ac:dyDescent="0.2">
      <c r="A52" s="19">
        <v>50</v>
      </c>
      <c r="B52" s="5" t="s">
        <v>833</v>
      </c>
      <c r="C52" s="6" t="s">
        <v>9</v>
      </c>
      <c r="D52" s="6"/>
      <c r="E52" s="7" t="s">
        <v>929</v>
      </c>
      <c r="F52" s="7" t="s">
        <v>930</v>
      </c>
      <c r="G52" s="8"/>
      <c r="H52" s="6" t="s">
        <v>92</v>
      </c>
      <c r="I52" s="23"/>
    </row>
    <row r="53" spans="1:9" s="2" customFormat="1" x14ac:dyDescent="0.2">
      <c r="A53" s="19">
        <v>51</v>
      </c>
      <c r="B53" s="5" t="s">
        <v>833</v>
      </c>
      <c r="C53" s="6"/>
      <c r="D53" s="6" t="s">
        <v>9</v>
      </c>
      <c r="E53" s="7" t="s">
        <v>931</v>
      </c>
      <c r="F53" s="7" t="s">
        <v>932</v>
      </c>
      <c r="G53" s="8"/>
      <c r="H53" s="6" t="s">
        <v>92</v>
      </c>
      <c r="I53" s="23"/>
    </row>
    <row r="54" spans="1:9" s="2" customFormat="1" x14ac:dyDescent="0.2">
      <c r="A54" s="19">
        <v>52</v>
      </c>
      <c r="B54" s="5" t="s">
        <v>833</v>
      </c>
      <c r="C54" s="6" t="s">
        <v>9</v>
      </c>
      <c r="D54" s="6"/>
      <c r="E54" s="7" t="s">
        <v>933</v>
      </c>
      <c r="F54" s="7" t="s">
        <v>1246</v>
      </c>
      <c r="G54" s="8"/>
      <c r="H54" s="6" t="s">
        <v>92</v>
      </c>
      <c r="I54" s="23"/>
    </row>
    <row r="55" spans="1:9" s="2" customFormat="1" x14ac:dyDescent="0.2">
      <c r="A55" s="19">
        <v>53</v>
      </c>
      <c r="B55" s="5" t="s">
        <v>833</v>
      </c>
      <c r="C55" s="6" t="s">
        <v>9</v>
      </c>
      <c r="D55" s="6"/>
      <c r="E55" s="7" t="s">
        <v>934</v>
      </c>
      <c r="F55" s="7" t="s">
        <v>1247</v>
      </c>
      <c r="G55" s="8"/>
      <c r="H55" s="6" t="s">
        <v>92</v>
      </c>
      <c r="I55" s="23"/>
    </row>
    <row r="56" spans="1:9" s="2" customFormat="1" x14ac:dyDescent="0.2">
      <c r="A56" s="19">
        <v>54</v>
      </c>
      <c r="B56" s="5" t="s">
        <v>833</v>
      </c>
      <c r="C56" s="6" t="s">
        <v>9</v>
      </c>
      <c r="D56" s="6"/>
      <c r="E56" s="7" t="s">
        <v>935</v>
      </c>
      <c r="F56" s="7" t="s">
        <v>936</v>
      </c>
      <c r="G56" s="5"/>
      <c r="H56" s="6" t="s">
        <v>92</v>
      </c>
      <c r="I56" s="24"/>
    </row>
    <row r="57" spans="1:9" s="2" customFormat="1" x14ac:dyDescent="0.2">
      <c r="A57" s="19">
        <v>55</v>
      </c>
      <c r="B57" s="5" t="s">
        <v>833</v>
      </c>
      <c r="C57" s="6"/>
      <c r="D57" s="6" t="s">
        <v>9</v>
      </c>
      <c r="E57" s="7" t="s">
        <v>937</v>
      </c>
      <c r="F57" s="7" t="s">
        <v>938</v>
      </c>
      <c r="G57" s="8"/>
      <c r="H57" s="6" t="s">
        <v>92</v>
      </c>
      <c r="I57" s="23"/>
    </row>
    <row r="58" spans="1:9" s="2" customFormat="1" x14ac:dyDescent="0.2">
      <c r="A58" s="19">
        <v>56</v>
      </c>
      <c r="B58" s="5" t="s">
        <v>833</v>
      </c>
      <c r="C58" s="6" t="s">
        <v>9</v>
      </c>
      <c r="D58" s="6"/>
      <c r="E58" s="7" t="s">
        <v>939</v>
      </c>
      <c r="F58" s="7" t="s">
        <v>940</v>
      </c>
      <c r="G58" s="8"/>
      <c r="H58" s="6" t="s">
        <v>92</v>
      </c>
      <c r="I58" s="23"/>
    </row>
    <row r="59" spans="1:9" s="2" customFormat="1" x14ac:dyDescent="0.2">
      <c r="A59" s="19">
        <v>57</v>
      </c>
      <c r="B59" s="5" t="s">
        <v>833</v>
      </c>
      <c r="C59" s="6"/>
      <c r="D59" s="6" t="s">
        <v>9</v>
      </c>
      <c r="E59" s="7" t="s">
        <v>941</v>
      </c>
      <c r="F59" s="7" t="s">
        <v>942</v>
      </c>
      <c r="G59" s="8"/>
      <c r="H59" s="6" t="s">
        <v>9</v>
      </c>
      <c r="I59" s="23"/>
    </row>
    <row r="60" spans="1:9" s="2" customFormat="1" x14ac:dyDescent="0.2">
      <c r="A60" s="19">
        <v>58</v>
      </c>
      <c r="B60" s="5" t="s">
        <v>833</v>
      </c>
      <c r="C60" s="6"/>
      <c r="D60" s="6" t="s">
        <v>9</v>
      </c>
      <c r="E60" s="7" t="s">
        <v>943</v>
      </c>
      <c r="F60" s="7" t="s">
        <v>944</v>
      </c>
      <c r="G60" s="8"/>
      <c r="H60" s="6" t="s">
        <v>92</v>
      </c>
      <c r="I60" s="23"/>
    </row>
    <row r="61" spans="1:9" s="2" customFormat="1" x14ac:dyDescent="0.2">
      <c r="A61" s="19">
        <v>59</v>
      </c>
      <c r="B61" s="5" t="s">
        <v>833</v>
      </c>
      <c r="C61" s="6"/>
      <c r="D61" s="6" t="s">
        <v>9</v>
      </c>
      <c r="E61" s="7" t="s">
        <v>945</v>
      </c>
      <c r="F61" s="7" t="s">
        <v>946</v>
      </c>
      <c r="G61" s="8"/>
      <c r="H61" s="6" t="s">
        <v>9</v>
      </c>
      <c r="I61" s="23"/>
    </row>
    <row r="62" spans="1:9" s="2" customFormat="1" x14ac:dyDescent="0.2">
      <c r="A62" s="19">
        <v>60</v>
      </c>
      <c r="B62" s="5" t="s">
        <v>833</v>
      </c>
      <c r="C62" s="6"/>
      <c r="D62" s="6" t="s">
        <v>9</v>
      </c>
      <c r="E62" s="7" t="s">
        <v>947</v>
      </c>
      <c r="F62" s="7" t="s">
        <v>948</v>
      </c>
      <c r="G62" s="8"/>
      <c r="H62" s="6" t="s">
        <v>92</v>
      </c>
      <c r="I62" s="23"/>
    </row>
    <row r="63" spans="1:9" s="2" customFormat="1" x14ac:dyDescent="0.2">
      <c r="A63" s="19">
        <v>61</v>
      </c>
      <c r="B63" s="5" t="s">
        <v>833</v>
      </c>
      <c r="C63" s="6"/>
      <c r="D63" s="6" t="s">
        <v>9</v>
      </c>
      <c r="E63" s="7" t="s">
        <v>949</v>
      </c>
      <c r="F63" s="7" t="s">
        <v>950</v>
      </c>
      <c r="G63" s="8"/>
      <c r="H63" s="6" t="s">
        <v>92</v>
      </c>
      <c r="I63" s="23"/>
    </row>
    <row r="64" spans="1:9" s="2" customFormat="1" x14ac:dyDescent="0.2">
      <c r="A64" s="19">
        <v>62</v>
      </c>
      <c r="B64" s="5" t="s">
        <v>833</v>
      </c>
      <c r="C64" s="6" t="s">
        <v>9</v>
      </c>
      <c r="D64" s="6"/>
      <c r="E64" s="7" t="s">
        <v>951</v>
      </c>
      <c r="F64" s="7" t="s">
        <v>952</v>
      </c>
      <c r="G64" s="8"/>
      <c r="H64" s="6" t="s">
        <v>92</v>
      </c>
      <c r="I64" s="23"/>
    </row>
    <row r="65" spans="1:9" s="2" customFormat="1" x14ac:dyDescent="0.2">
      <c r="A65" s="19">
        <v>63</v>
      </c>
      <c r="B65" s="5" t="s">
        <v>833</v>
      </c>
      <c r="C65" s="6"/>
      <c r="D65" s="6" t="s">
        <v>9</v>
      </c>
      <c r="E65" s="7" t="s">
        <v>953</v>
      </c>
      <c r="F65" s="7" t="s">
        <v>954</v>
      </c>
      <c r="G65" s="8"/>
      <c r="H65" s="6" t="s">
        <v>92</v>
      </c>
      <c r="I65" s="23"/>
    </row>
    <row r="66" spans="1:9" s="2" customFormat="1" x14ac:dyDescent="0.2">
      <c r="A66" s="19">
        <v>64</v>
      </c>
      <c r="B66" s="5" t="s">
        <v>833</v>
      </c>
      <c r="C66" s="6"/>
      <c r="D66" s="6" t="s">
        <v>9</v>
      </c>
      <c r="E66" s="7" t="s">
        <v>955</v>
      </c>
      <c r="F66" s="7" t="s">
        <v>956</v>
      </c>
      <c r="G66" s="8"/>
      <c r="H66" s="6" t="s">
        <v>9</v>
      </c>
      <c r="I66" s="23"/>
    </row>
    <row r="67" spans="1:9" s="2" customFormat="1" x14ac:dyDescent="0.2">
      <c r="A67" s="19">
        <v>65</v>
      </c>
      <c r="B67" s="5" t="s">
        <v>833</v>
      </c>
      <c r="C67" s="6"/>
      <c r="D67" s="6" t="s">
        <v>9</v>
      </c>
      <c r="E67" s="7" t="s">
        <v>957</v>
      </c>
      <c r="F67" s="7" t="s">
        <v>958</v>
      </c>
      <c r="G67" s="8"/>
      <c r="H67" s="6" t="s">
        <v>92</v>
      </c>
      <c r="I67" s="23"/>
    </row>
    <row r="68" spans="1:9" s="2" customFormat="1" x14ac:dyDescent="0.2">
      <c r="A68" s="19">
        <v>66</v>
      </c>
      <c r="B68" s="5" t="s">
        <v>833</v>
      </c>
      <c r="C68" s="6" t="s">
        <v>9</v>
      </c>
      <c r="D68" s="6"/>
      <c r="E68" s="5" t="s">
        <v>1357</v>
      </c>
      <c r="F68" s="7" t="s">
        <v>959</v>
      </c>
      <c r="G68" s="8"/>
      <c r="H68" s="6" t="s">
        <v>92</v>
      </c>
      <c r="I68" s="23"/>
    </row>
    <row r="69" spans="1:9" s="2" customFormat="1" x14ac:dyDescent="0.2">
      <c r="A69" s="19">
        <v>67</v>
      </c>
      <c r="B69" s="5" t="s">
        <v>833</v>
      </c>
      <c r="C69" s="6" t="s">
        <v>9</v>
      </c>
      <c r="D69" s="6"/>
      <c r="E69" s="7" t="s">
        <v>960</v>
      </c>
      <c r="F69" s="7" t="s">
        <v>961</v>
      </c>
      <c r="G69" s="8"/>
      <c r="H69" s="6" t="s">
        <v>92</v>
      </c>
      <c r="I69" s="23"/>
    </row>
    <row r="70" spans="1:9" s="2" customFormat="1" x14ac:dyDescent="0.2">
      <c r="A70" s="19">
        <v>68</v>
      </c>
      <c r="B70" s="5" t="s">
        <v>833</v>
      </c>
      <c r="C70" s="6" t="s">
        <v>9</v>
      </c>
      <c r="D70" s="6"/>
      <c r="E70" s="7" t="s">
        <v>962</v>
      </c>
      <c r="F70" s="7" t="s">
        <v>963</v>
      </c>
      <c r="G70" s="5"/>
      <c r="H70" s="6" t="s">
        <v>92</v>
      </c>
      <c r="I70" s="24"/>
    </row>
    <row r="71" spans="1:9" s="2" customFormat="1" x14ac:dyDescent="0.2">
      <c r="A71" s="19">
        <v>69</v>
      </c>
      <c r="B71" s="5" t="s">
        <v>833</v>
      </c>
      <c r="C71" s="6"/>
      <c r="D71" s="6" t="s">
        <v>9</v>
      </c>
      <c r="E71" s="7" t="s">
        <v>964</v>
      </c>
      <c r="F71" s="7" t="s">
        <v>965</v>
      </c>
      <c r="G71" s="8"/>
      <c r="H71" s="6" t="s">
        <v>9</v>
      </c>
      <c r="I71" s="23"/>
    </row>
    <row r="72" spans="1:9" s="2" customFormat="1" x14ac:dyDescent="0.2">
      <c r="A72" s="19">
        <v>70</v>
      </c>
      <c r="B72" s="5" t="s">
        <v>833</v>
      </c>
      <c r="C72" s="6"/>
      <c r="D72" s="6" t="s">
        <v>9</v>
      </c>
      <c r="E72" s="7" t="s">
        <v>966</v>
      </c>
      <c r="F72" s="7" t="s">
        <v>967</v>
      </c>
      <c r="G72" s="8"/>
      <c r="H72" s="6" t="s">
        <v>9</v>
      </c>
      <c r="I72" s="23"/>
    </row>
    <row r="73" spans="1:9" s="2" customFormat="1" x14ac:dyDescent="0.2">
      <c r="A73" s="19">
        <v>71</v>
      </c>
      <c r="B73" s="5" t="s">
        <v>833</v>
      </c>
      <c r="C73" s="6"/>
      <c r="D73" s="6" t="s">
        <v>9</v>
      </c>
      <c r="E73" s="7" t="s">
        <v>968</v>
      </c>
      <c r="F73" s="7" t="s">
        <v>969</v>
      </c>
      <c r="G73" s="8"/>
      <c r="H73" s="6" t="s">
        <v>9</v>
      </c>
      <c r="I73" s="23"/>
    </row>
    <row r="74" spans="1:9" x14ac:dyDescent="0.2">
      <c r="A74" s="19">
        <v>72</v>
      </c>
      <c r="B74" s="5" t="s">
        <v>833</v>
      </c>
      <c r="C74" s="6"/>
      <c r="D74" s="6" t="s">
        <v>9</v>
      </c>
      <c r="E74" s="7" t="s">
        <v>970</v>
      </c>
      <c r="F74" s="7" t="s">
        <v>971</v>
      </c>
      <c r="G74" s="8"/>
      <c r="H74" s="6" t="s">
        <v>92</v>
      </c>
      <c r="I74" s="23"/>
    </row>
    <row r="75" spans="1:9" x14ac:dyDescent="0.2">
      <c r="A75" s="19">
        <v>73</v>
      </c>
      <c r="B75" s="5" t="s">
        <v>833</v>
      </c>
      <c r="C75" s="6"/>
      <c r="D75" s="6" t="s">
        <v>9</v>
      </c>
      <c r="E75" s="7" t="s">
        <v>972</v>
      </c>
      <c r="F75" s="7" t="s">
        <v>973</v>
      </c>
      <c r="G75" s="8"/>
      <c r="H75" s="6" t="s">
        <v>92</v>
      </c>
      <c r="I75" s="23"/>
    </row>
    <row r="76" spans="1:9" x14ac:dyDescent="0.2">
      <c r="A76" s="19">
        <v>74</v>
      </c>
      <c r="B76" s="5" t="s">
        <v>833</v>
      </c>
      <c r="C76" s="6"/>
      <c r="D76" s="6" t="s">
        <v>9</v>
      </c>
      <c r="E76" s="7" t="s">
        <v>974</v>
      </c>
      <c r="F76" s="7" t="s">
        <v>975</v>
      </c>
      <c r="G76" s="8"/>
      <c r="H76" s="6" t="s">
        <v>9</v>
      </c>
      <c r="I76" s="23"/>
    </row>
    <row r="77" spans="1:9" x14ac:dyDescent="0.2">
      <c r="A77" s="19">
        <v>75</v>
      </c>
      <c r="B77" s="5" t="s">
        <v>833</v>
      </c>
      <c r="C77" s="6" t="s">
        <v>9</v>
      </c>
      <c r="D77" s="6"/>
      <c r="E77" s="7" t="s">
        <v>976</v>
      </c>
      <c r="F77" s="7" t="s">
        <v>977</v>
      </c>
      <c r="G77" s="5"/>
      <c r="H77" s="6" t="s">
        <v>92</v>
      </c>
      <c r="I77" s="24"/>
    </row>
    <row r="78" spans="1:9" x14ac:dyDescent="0.2">
      <c r="A78" s="19">
        <v>76</v>
      </c>
      <c r="B78" s="5" t="s">
        <v>833</v>
      </c>
      <c r="C78" s="6" t="s">
        <v>9</v>
      </c>
      <c r="D78" s="6"/>
      <c r="E78" s="7" t="s">
        <v>978</v>
      </c>
      <c r="F78" s="7" t="s">
        <v>979</v>
      </c>
      <c r="G78" s="5"/>
      <c r="H78" s="6" t="s">
        <v>92</v>
      </c>
      <c r="I78" s="24"/>
    </row>
    <row r="79" spans="1:9" x14ac:dyDescent="0.2">
      <c r="A79" s="19">
        <v>77</v>
      </c>
      <c r="B79" s="5" t="s">
        <v>833</v>
      </c>
      <c r="C79" s="6"/>
      <c r="D79" s="6" t="s">
        <v>9</v>
      </c>
      <c r="E79" s="7" t="s">
        <v>980</v>
      </c>
      <c r="F79" s="7" t="s">
        <v>981</v>
      </c>
      <c r="G79" s="8"/>
      <c r="H79" s="6" t="s">
        <v>92</v>
      </c>
      <c r="I79" s="23"/>
    </row>
    <row r="80" spans="1:9" x14ac:dyDescent="0.2">
      <c r="A80" s="19">
        <v>78</v>
      </c>
      <c r="B80" s="5" t="s">
        <v>833</v>
      </c>
      <c r="C80" s="6" t="s">
        <v>9</v>
      </c>
      <c r="D80" s="6"/>
      <c r="E80" s="7" t="s">
        <v>982</v>
      </c>
      <c r="F80" s="7" t="s">
        <v>983</v>
      </c>
      <c r="G80" s="5"/>
      <c r="H80" s="6" t="s">
        <v>92</v>
      </c>
      <c r="I80" s="24"/>
    </row>
    <row r="81" spans="1:9" x14ac:dyDescent="0.2">
      <c r="A81" s="19">
        <v>79</v>
      </c>
      <c r="B81" s="5" t="s">
        <v>833</v>
      </c>
      <c r="C81" s="6"/>
      <c r="D81" s="6" t="s">
        <v>9</v>
      </c>
      <c r="E81" s="7" t="s">
        <v>984</v>
      </c>
      <c r="F81" s="7" t="s">
        <v>985</v>
      </c>
      <c r="G81" s="8"/>
      <c r="H81" s="6" t="s">
        <v>92</v>
      </c>
      <c r="I81" s="23"/>
    </row>
    <row r="82" spans="1:9" s="2" customFormat="1" x14ac:dyDescent="0.2">
      <c r="A82" s="19">
        <v>80</v>
      </c>
      <c r="B82" s="5" t="s">
        <v>833</v>
      </c>
      <c r="C82" s="6"/>
      <c r="D82" s="6" t="s">
        <v>9</v>
      </c>
      <c r="E82" s="7" t="s">
        <v>986</v>
      </c>
      <c r="F82" s="7" t="s">
        <v>987</v>
      </c>
      <c r="G82" s="8"/>
      <c r="H82" s="6" t="s">
        <v>92</v>
      </c>
      <c r="I82" s="23"/>
    </row>
    <row r="83" spans="1:9" s="3" customFormat="1" x14ac:dyDescent="0.2">
      <c r="A83" s="19">
        <v>81</v>
      </c>
      <c r="B83" s="5" t="s">
        <v>833</v>
      </c>
      <c r="C83" s="6" t="s">
        <v>9</v>
      </c>
      <c r="D83" s="6"/>
      <c r="E83" s="5" t="s">
        <v>1312</v>
      </c>
      <c r="F83" s="5" t="s">
        <v>1313</v>
      </c>
      <c r="G83" s="5"/>
      <c r="H83" s="6" t="s">
        <v>92</v>
      </c>
      <c r="I83" s="24"/>
    </row>
    <row r="84" spans="1:9" x14ac:dyDescent="0.2">
      <c r="A84" s="19">
        <v>82</v>
      </c>
      <c r="B84" s="5" t="s">
        <v>403</v>
      </c>
      <c r="C84" s="6" t="s">
        <v>404</v>
      </c>
      <c r="D84" s="6"/>
      <c r="E84" s="43" t="s">
        <v>405</v>
      </c>
      <c r="F84" s="44" t="s">
        <v>537</v>
      </c>
      <c r="G84" s="8" t="s">
        <v>406</v>
      </c>
      <c r="H84" s="6" t="s">
        <v>18</v>
      </c>
      <c r="I84" s="23"/>
    </row>
    <row r="85" spans="1:9" x14ac:dyDescent="0.2">
      <c r="A85" s="19">
        <v>83</v>
      </c>
      <c r="B85" s="5" t="s">
        <v>403</v>
      </c>
      <c r="C85" s="6" t="s">
        <v>407</v>
      </c>
      <c r="D85" s="6"/>
      <c r="E85" s="43" t="s">
        <v>1341</v>
      </c>
      <c r="F85" s="44" t="s">
        <v>538</v>
      </c>
      <c r="G85" s="8" t="s">
        <v>409</v>
      </c>
      <c r="H85" s="6" t="s">
        <v>18</v>
      </c>
      <c r="I85" s="23"/>
    </row>
    <row r="86" spans="1:9" x14ac:dyDescent="0.2">
      <c r="A86" s="19">
        <v>84</v>
      </c>
      <c r="B86" s="5" t="s">
        <v>403</v>
      </c>
      <c r="C86" s="6" t="s">
        <v>9</v>
      </c>
      <c r="D86" s="6"/>
      <c r="E86" s="10" t="s">
        <v>1194</v>
      </c>
      <c r="F86" s="10" t="s">
        <v>539</v>
      </c>
      <c r="G86" s="11" t="s">
        <v>410</v>
      </c>
      <c r="H86" s="6" t="s">
        <v>18</v>
      </c>
      <c r="I86" s="23"/>
    </row>
    <row r="87" spans="1:9" x14ac:dyDescent="0.2">
      <c r="A87" s="19">
        <v>85</v>
      </c>
      <c r="B87" s="5" t="s">
        <v>403</v>
      </c>
      <c r="C87" s="6"/>
      <c r="D87" s="6" t="s">
        <v>407</v>
      </c>
      <c r="E87" s="10" t="s">
        <v>411</v>
      </c>
      <c r="F87" s="10" t="s">
        <v>540</v>
      </c>
      <c r="G87" s="11" t="s">
        <v>412</v>
      </c>
      <c r="H87" s="6" t="s">
        <v>18</v>
      </c>
      <c r="I87" s="23"/>
    </row>
    <row r="88" spans="1:9" x14ac:dyDescent="0.2">
      <c r="A88" s="19">
        <v>86</v>
      </c>
      <c r="B88" s="5" t="s">
        <v>403</v>
      </c>
      <c r="C88" s="6" t="s">
        <v>9</v>
      </c>
      <c r="D88" s="6"/>
      <c r="E88" s="10" t="s">
        <v>1195</v>
      </c>
      <c r="F88" s="10" t="s">
        <v>541</v>
      </c>
      <c r="G88" s="11" t="s">
        <v>413</v>
      </c>
      <c r="H88" s="6" t="s">
        <v>414</v>
      </c>
      <c r="I88" s="23"/>
    </row>
    <row r="89" spans="1:9" ht="28.8" x14ac:dyDescent="0.2">
      <c r="A89" s="19">
        <v>87</v>
      </c>
      <c r="B89" s="5" t="s">
        <v>403</v>
      </c>
      <c r="C89" s="6" t="s">
        <v>9</v>
      </c>
      <c r="D89" s="6"/>
      <c r="E89" s="7" t="s">
        <v>1314</v>
      </c>
      <c r="F89" s="5" t="s">
        <v>542</v>
      </c>
      <c r="G89" s="5" t="s">
        <v>415</v>
      </c>
      <c r="H89" s="6" t="s">
        <v>18</v>
      </c>
      <c r="I89" s="23"/>
    </row>
    <row r="90" spans="1:9" s="2" customFormat="1" x14ac:dyDescent="0.2">
      <c r="A90" s="19">
        <v>88</v>
      </c>
      <c r="B90" s="5" t="s">
        <v>403</v>
      </c>
      <c r="C90" s="6" t="s">
        <v>407</v>
      </c>
      <c r="D90" s="6"/>
      <c r="E90" s="10" t="s">
        <v>515</v>
      </c>
      <c r="F90" s="10" t="s">
        <v>543</v>
      </c>
      <c r="G90" s="11" t="s">
        <v>417</v>
      </c>
      <c r="H90" s="6" t="s">
        <v>18</v>
      </c>
      <c r="I90" s="23"/>
    </row>
    <row r="91" spans="1:9" s="2" customFormat="1" ht="28.8" x14ac:dyDescent="0.2">
      <c r="A91" s="19">
        <v>89</v>
      </c>
      <c r="B91" s="5" t="s">
        <v>403</v>
      </c>
      <c r="C91" s="6" t="s">
        <v>407</v>
      </c>
      <c r="D91" s="6"/>
      <c r="E91" s="12" t="s">
        <v>1244</v>
      </c>
      <c r="F91" s="10" t="s">
        <v>544</v>
      </c>
      <c r="G91" s="11" t="s">
        <v>418</v>
      </c>
      <c r="H91" s="6" t="s">
        <v>414</v>
      </c>
      <c r="I91" s="23"/>
    </row>
    <row r="92" spans="1:9" s="2" customFormat="1" x14ac:dyDescent="0.2">
      <c r="A92" s="19">
        <v>90</v>
      </c>
      <c r="B92" s="5" t="s">
        <v>403</v>
      </c>
      <c r="C92" s="6" t="s">
        <v>9</v>
      </c>
      <c r="D92" s="6"/>
      <c r="E92" s="10" t="s">
        <v>1342</v>
      </c>
      <c r="F92" s="10" t="s">
        <v>545</v>
      </c>
      <c r="G92" s="11" t="s">
        <v>419</v>
      </c>
      <c r="H92" s="6" t="s">
        <v>414</v>
      </c>
      <c r="I92" s="23"/>
    </row>
    <row r="93" spans="1:9" s="2" customFormat="1" x14ac:dyDescent="0.2">
      <c r="A93" s="19">
        <v>91</v>
      </c>
      <c r="B93" s="5" t="s">
        <v>403</v>
      </c>
      <c r="C93" s="6" t="s">
        <v>404</v>
      </c>
      <c r="D93" s="6"/>
      <c r="E93" s="10" t="s">
        <v>516</v>
      </c>
      <c r="F93" s="10" t="s">
        <v>546</v>
      </c>
      <c r="G93" s="11" t="s">
        <v>420</v>
      </c>
      <c r="H93" s="6" t="s">
        <v>18</v>
      </c>
      <c r="I93" s="23"/>
    </row>
    <row r="94" spans="1:9" s="2" customFormat="1" x14ac:dyDescent="0.2">
      <c r="A94" s="19">
        <v>92</v>
      </c>
      <c r="B94" s="5" t="s">
        <v>403</v>
      </c>
      <c r="C94" s="6" t="s">
        <v>404</v>
      </c>
      <c r="D94" s="6"/>
      <c r="E94" s="10" t="s">
        <v>517</v>
      </c>
      <c r="F94" s="10" t="s">
        <v>547</v>
      </c>
      <c r="G94" s="11" t="s">
        <v>421</v>
      </c>
      <c r="H94" s="6" t="s">
        <v>414</v>
      </c>
      <c r="I94" s="23"/>
    </row>
    <row r="95" spans="1:9" x14ac:dyDescent="0.2">
      <c r="A95" s="19">
        <v>93</v>
      </c>
      <c r="B95" s="5" t="s">
        <v>403</v>
      </c>
      <c r="C95" s="6"/>
      <c r="D95" s="6" t="s">
        <v>9</v>
      </c>
      <c r="E95" s="10" t="s">
        <v>422</v>
      </c>
      <c r="F95" s="10" t="s">
        <v>548</v>
      </c>
      <c r="G95" s="11" t="s">
        <v>423</v>
      </c>
      <c r="H95" s="6" t="s">
        <v>414</v>
      </c>
      <c r="I95" s="23"/>
    </row>
    <row r="96" spans="1:9" ht="28.8" x14ac:dyDescent="0.2">
      <c r="A96" s="19">
        <v>94</v>
      </c>
      <c r="B96" s="5" t="s">
        <v>403</v>
      </c>
      <c r="C96" s="6" t="s">
        <v>9</v>
      </c>
      <c r="D96" s="6"/>
      <c r="E96" s="12" t="s">
        <v>1243</v>
      </c>
      <c r="F96" s="10" t="s">
        <v>549</v>
      </c>
      <c r="G96" s="11" t="s">
        <v>424</v>
      </c>
      <c r="H96" s="6" t="s">
        <v>18</v>
      </c>
      <c r="I96" s="23"/>
    </row>
    <row r="97" spans="1:9" x14ac:dyDescent="0.2">
      <c r="A97" s="19">
        <v>95</v>
      </c>
      <c r="B97" s="5" t="s">
        <v>403</v>
      </c>
      <c r="C97" s="6" t="s">
        <v>9</v>
      </c>
      <c r="D97" s="6"/>
      <c r="E97" s="10" t="s">
        <v>425</v>
      </c>
      <c r="F97" s="10" t="s">
        <v>550</v>
      </c>
      <c r="G97" s="11" t="s">
        <v>426</v>
      </c>
      <c r="H97" s="6" t="s">
        <v>416</v>
      </c>
      <c r="I97" s="23"/>
    </row>
    <row r="98" spans="1:9" x14ac:dyDescent="0.2">
      <c r="A98" s="19">
        <v>96</v>
      </c>
      <c r="B98" s="5" t="s">
        <v>403</v>
      </c>
      <c r="C98" s="6" t="s">
        <v>408</v>
      </c>
      <c r="D98" s="6"/>
      <c r="E98" s="10" t="s">
        <v>427</v>
      </c>
      <c r="F98" s="10" t="s">
        <v>551</v>
      </c>
      <c r="G98" s="11" t="s">
        <v>428</v>
      </c>
      <c r="H98" s="6" t="s">
        <v>414</v>
      </c>
      <c r="I98" s="23"/>
    </row>
    <row r="99" spans="1:9" x14ac:dyDescent="0.2">
      <c r="A99" s="19">
        <v>97</v>
      </c>
      <c r="B99" s="5" t="s">
        <v>403</v>
      </c>
      <c r="C99" s="6" t="s">
        <v>404</v>
      </c>
      <c r="D99" s="6"/>
      <c r="E99" s="10" t="s">
        <v>518</v>
      </c>
      <c r="F99" s="10" t="s">
        <v>552</v>
      </c>
      <c r="G99" s="11" t="s">
        <v>429</v>
      </c>
      <c r="H99" s="6" t="s">
        <v>18</v>
      </c>
      <c r="I99" s="23"/>
    </row>
    <row r="100" spans="1:9" x14ac:dyDescent="0.2">
      <c r="A100" s="19">
        <v>98</v>
      </c>
      <c r="B100" s="5" t="s">
        <v>403</v>
      </c>
      <c r="C100" s="6" t="s">
        <v>9</v>
      </c>
      <c r="D100" s="6"/>
      <c r="E100" s="10" t="s">
        <v>1196</v>
      </c>
      <c r="F100" s="10" t="s">
        <v>553</v>
      </c>
      <c r="G100" s="11" t="s">
        <v>430</v>
      </c>
      <c r="H100" s="6" t="s">
        <v>414</v>
      </c>
      <c r="I100" s="23"/>
    </row>
    <row r="101" spans="1:9" x14ac:dyDescent="0.2">
      <c r="A101" s="19">
        <v>99</v>
      </c>
      <c r="B101" s="5" t="s">
        <v>403</v>
      </c>
      <c r="C101" s="6" t="s">
        <v>9</v>
      </c>
      <c r="D101" s="6"/>
      <c r="E101" s="10" t="s">
        <v>519</v>
      </c>
      <c r="F101" s="10" t="s">
        <v>554</v>
      </c>
      <c r="G101" s="11" t="s">
        <v>431</v>
      </c>
      <c r="H101" s="6" t="s">
        <v>414</v>
      </c>
      <c r="I101" s="23"/>
    </row>
    <row r="102" spans="1:9" x14ac:dyDescent="0.2">
      <c r="A102" s="19">
        <v>100</v>
      </c>
      <c r="B102" s="5" t="s">
        <v>403</v>
      </c>
      <c r="C102" s="6" t="s">
        <v>1105</v>
      </c>
      <c r="D102" s="6"/>
      <c r="E102" s="10" t="s">
        <v>1343</v>
      </c>
      <c r="F102" s="10" t="s">
        <v>555</v>
      </c>
      <c r="G102" s="11" t="s">
        <v>432</v>
      </c>
      <c r="H102" s="6" t="s">
        <v>414</v>
      </c>
      <c r="I102" s="23"/>
    </row>
    <row r="103" spans="1:9" x14ac:dyDescent="0.2">
      <c r="A103" s="19">
        <v>101</v>
      </c>
      <c r="B103" s="5" t="s">
        <v>403</v>
      </c>
      <c r="C103" s="6" t="s">
        <v>9</v>
      </c>
      <c r="D103" s="6"/>
      <c r="E103" s="10" t="s">
        <v>1197</v>
      </c>
      <c r="F103" s="10" t="s">
        <v>556</v>
      </c>
      <c r="G103" s="11" t="s">
        <v>433</v>
      </c>
      <c r="H103" s="6" t="s">
        <v>416</v>
      </c>
      <c r="I103" s="23"/>
    </row>
    <row r="104" spans="1:9" x14ac:dyDescent="0.2">
      <c r="A104" s="19">
        <v>102</v>
      </c>
      <c r="B104" s="5" t="s">
        <v>403</v>
      </c>
      <c r="C104" s="6" t="s">
        <v>407</v>
      </c>
      <c r="D104" s="6"/>
      <c r="E104" s="10" t="s">
        <v>434</v>
      </c>
      <c r="F104" s="10" t="s">
        <v>557</v>
      </c>
      <c r="G104" s="11" t="s">
        <v>435</v>
      </c>
      <c r="H104" s="6" t="s">
        <v>18</v>
      </c>
      <c r="I104" s="23"/>
    </row>
    <row r="105" spans="1:9" x14ac:dyDescent="0.2">
      <c r="A105" s="19">
        <v>103</v>
      </c>
      <c r="B105" s="5" t="s">
        <v>403</v>
      </c>
      <c r="C105" s="6" t="s">
        <v>404</v>
      </c>
      <c r="D105" s="6"/>
      <c r="E105" s="10" t="s">
        <v>528</v>
      </c>
      <c r="F105" s="10" t="s">
        <v>558</v>
      </c>
      <c r="G105" s="11" t="s">
        <v>436</v>
      </c>
      <c r="H105" s="6" t="s">
        <v>414</v>
      </c>
      <c r="I105" s="23"/>
    </row>
    <row r="106" spans="1:9" x14ac:dyDescent="0.2">
      <c r="A106" s="19">
        <v>104</v>
      </c>
      <c r="B106" s="5" t="s">
        <v>403</v>
      </c>
      <c r="C106" s="6" t="s">
        <v>9</v>
      </c>
      <c r="D106" s="6"/>
      <c r="E106" s="7" t="s">
        <v>1315</v>
      </c>
      <c r="F106" s="5" t="s">
        <v>559</v>
      </c>
      <c r="G106" s="5" t="s">
        <v>437</v>
      </c>
      <c r="H106" s="6" t="s">
        <v>18</v>
      </c>
      <c r="I106" s="23"/>
    </row>
    <row r="107" spans="1:9" x14ac:dyDescent="0.2">
      <c r="A107" s="19">
        <v>105</v>
      </c>
      <c r="B107" s="5" t="s">
        <v>403</v>
      </c>
      <c r="C107" s="6" t="s">
        <v>9</v>
      </c>
      <c r="D107" s="6"/>
      <c r="E107" s="10" t="s">
        <v>523</v>
      </c>
      <c r="F107" s="10" t="s">
        <v>560</v>
      </c>
      <c r="G107" s="11" t="s">
        <v>438</v>
      </c>
      <c r="H107" s="6" t="s">
        <v>414</v>
      </c>
      <c r="I107" s="23"/>
    </row>
    <row r="108" spans="1:9" x14ac:dyDescent="0.2">
      <c r="A108" s="19">
        <v>106</v>
      </c>
      <c r="B108" s="5" t="s">
        <v>403</v>
      </c>
      <c r="C108" s="6" t="s">
        <v>9</v>
      </c>
      <c r="D108" s="6"/>
      <c r="E108" s="10" t="s">
        <v>529</v>
      </c>
      <c r="F108" s="10" t="s">
        <v>561</v>
      </c>
      <c r="G108" s="11" t="s">
        <v>439</v>
      </c>
      <c r="H108" s="6" t="s">
        <v>414</v>
      </c>
      <c r="I108" s="23"/>
    </row>
    <row r="109" spans="1:9" x14ac:dyDescent="0.2">
      <c r="A109" s="19">
        <v>107</v>
      </c>
      <c r="B109" s="5" t="s">
        <v>403</v>
      </c>
      <c r="C109" s="6" t="s">
        <v>404</v>
      </c>
      <c r="D109" s="6"/>
      <c r="E109" s="10" t="s">
        <v>440</v>
      </c>
      <c r="F109" s="10" t="s">
        <v>562</v>
      </c>
      <c r="G109" s="11" t="s">
        <v>441</v>
      </c>
      <c r="H109" s="6" t="s">
        <v>414</v>
      </c>
      <c r="I109" s="23"/>
    </row>
    <row r="110" spans="1:9" s="2" customFormat="1" x14ac:dyDescent="0.2">
      <c r="A110" s="19">
        <v>108</v>
      </c>
      <c r="B110" s="5" t="s">
        <v>403</v>
      </c>
      <c r="C110" s="6" t="s">
        <v>9</v>
      </c>
      <c r="D110" s="6"/>
      <c r="E110" s="10" t="s">
        <v>524</v>
      </c>
      <c r="F110" s="10" t="s">
        <v>563</v>
      </c>
      <c r="G110" s="11" t="s">
        <v>442</v>
      </c>
      <c r="H110" s="6" t="s">
        <v>416</v>
      </c>
      <c r="I110" s="23"/>
    </row>
    <row r="111" spans="1:9" s="2" customFormat="1" x14ac:dyDescent="0.2">
      <c r="A111" s="19">
        <v>109</v>
      </c>
      <c r="B111" s="5" t="s">
        <v>403</v>
      </c>
      <c r="C111" s="6" t="s">
        <v>407</v>
      </c>
      <c r="D111" s="6"/>
      <c r="E111" s="10" t="s">
        <v>443</v>
      </c>
      <c r="F111" s="10" t="s">
        <v>564</v>
      </c>
      <c r="G111" s="11" t="s">
        <v>444</v>
      </c>
      <c r="H111" s="6" t="s">
        <v>445</v>
      </c>
      <c r="I111" s="23"/>
    </row>
    <row r="112" spans="1:9" x14ac:dyDescent="0.2">
      <c r="A112" s="19">
        <v>110</v>
      </c>
      <c r="B112" s="5" t="s">
        <v>403</v>
      </c>
      <c r="C112" s="6"/>
      <c r="D112" s="6" t="s">
        <v>9</v>
      </c>
      <c r="E112" s="10" t="s">
        <v>446</v>
      </c>
      <c r="F112" s="10" t="s">
        <v>565</v>
      </c>
      <c r="G112" s="11" t="s">
        <v>447</v>
      </c>
      <c r="H112" s="6" t="s">
        <v>414</v>
      </c>
      <c r="I112" s="23"/>
    </row>
    <row r="113" spans="1:9" x14ac:dyDescent="0.2">
      <c r="A113" s="19">
        <v>111</v>
      </c>
      <c r="B113" s="5" t="s">
        <v>403</v>
      </c>
      <c r="C113" s="6"/>
      <c r="D113" s="6" t="s">
        <v>407</v>
      </c>
      <c r="E113" s="10" t="s">
        <v>448</v>
      </c>
      <c r="F113" s="10" t="s">
        <v>566</v>
      </c>
      <c r="G113" s="11" t="s">
        <v>449</v>
      </c>
      <c r="H113" s="6" t="s">
        <v>414</v>
      </c>
      <c r="I113" s="23"/>
    </row>
    <row r="114" spans="1:9" s="2" customFormat="1" x14ac:dyDescent="0.2">
      <c r="A114" s="19">
        <v>112</v>
      </c>
      <c r="B114" s="5" t="s">
        <v>403</v>
      </c>
      <c r="C114" s="6" t="s">
        <v>407</v>
      </c>
      <c r="D114" s="6"/>
      <c r="E114" s="10" t="s">
        <v>450</v>
      </c>
      <c r="F114" s="10" t="s">
        <v>567</v>
      </c>
      <c r="G114" s="11" t="s">
        <v>451</v>
      </c>
      <c r="H114" s="6" t="s">
        <v>414</v>
      </c>
      <c r="I114" s="23"/>
    </row>
    <row r="115" spans="1:9" x14ac:dyDescent="0.2">
      <c r="A115" s="19">
        <v>113</v>
      </c>
      <c r="B115" s="5" t="s">
        <v>403</v>
      </c>
      <c r="C115" s="6" t="s">
        <v>404</v>
      </c>
      <c r="D115" s="6"/>
      <c r="E115" s="10" t="s">
        <v>452</v>
      </c>
      <c r="F115" s="10" t="s">
        <v>568</v>
      </c>
      <c r="G115" s="11" t="s">
        <v>453</v>
      </c>
      <c r="H115" s="6" t="s">
        <v>414</v>
      </c>
      <c r="I115" s="23"/>
    </row>
    <row r="116" spans="1:9" x14ac:dyDescent="0.2">
      <c r="A116" s="19">
        <v>114</v>
      </c>
      <c r="B116" s="5" t="s">
        <v>403</v>
      </c>
      <c r="C116" s="6" t="s">
        <v>1198</v>
      </c>
      <c r="D116" s="6"/>
      <c r="E116" s="10" t="s">
        <v>454</v>
      </c>
      <c r="F116" s="10" t="s">
        <v>569</v>
      </c>
      <c r="G116" s="11" t="s">
        <v>455</v>
      </c>
      <c r="H116" s="6" t="s">
        <v>416</v>
      </c>
      <c r="I116" s="23"/>
    </row>
    <row r="117" spans="1:9" x14ac:dyDescent="0.2">
      <c r="A117" s="19">
        <v>115</v>
      </c>
      <c r="B117" s="5" t="s">
        <v>403</v>
      </c>
      <c r="C117" s="6" t="s">
        <v>9</v>
      </c>
      <c r="D117" s="6"/>
      <c r="E117" s="10" t="s">
        <v>1199</v>
      </c>
      <c r="F117" s="10" t="s">
        <v>570</v>
      </c>
      <c r="G117" s="11" t="s">
        <v>456</v>
      </c>
      <c r="H117" s="6" t="s">
        <v>416</v>
      </c>
      <c r="I117" s="23"/>
    </row>
    <row r="118" spans="1:9" x14ac:dyDescent="0.2">
      <c r="A118" s="19">
        <v>116</v>
      </c>
      <c r="B118" s="5" t="s">
        <v>403</v>
      </c>
      <c r="C118" s="6" t="s">
        <v>9</v>
      </c>
      <c r="D118" s="6"/>
      <c r="E118" s="10" t="s">
        <v>525</v>
      </c>
      <c r="F118" s="10" t="s">
        <v>571</v>
      </c>
      <c r="G118" s="11" t="s">
        <v>457</v>
      </c>
      <c r="H118" s="6" t="s">
        <v>416</v>
      </c>
      <c r="I118" s="23"/>
    </row>
    <row r="119" spans="1:9" x14ac:dyDescent="0.2">
      <c r="A119" s="19">
        <v>117</v>
      </c>
      <c r="B119" s="5" t="s">
        <v>403</v>
      </c>
      <c r="C119" s="6" t="s">
        <v>407</v>
      </c>
      <c r="D119" s="6"/>
      <c r="E119" s="10" t="s">
        <v>526</v>
      </c>
      <c r="F119" s="10" t="s">
        <v>572</v>
      </c>
      <c r="G119" s="11" t="s">
        <v>458</v>
      </c>
      <c r="H119" s="6" t="s">
        <v>445</v>
      </c>
      <c r="I119" s="23"/>
    </row>
    <row r="120" spans="1:9" x14ac:dyDescent="0.2">
      <c r="A120" s="19">
        <v>118</v>
      </c>
      <c r="B120" s="5" t="s">
        <v>403</v>
      </c>
      <c r="C120" s="6" t="s">
        <v>9</v>
      </c>
      <c r="D120" s="6"/>
      <c r="E120" s="10" t="s">
        <v>1200</v>
      </c>
      <c r="F120" s="10" t="s">
        <v>573</v>
      </c>
      <c r="G120" s="11" t="s">
        <v>459</v>
      </c>
      <c r="H120" s="6" t="s">
        <v>416</v>
      </c>
      <c r="I120" s="23"/>
    </row>
    <row r="121" spans="1:9" x14ac:dyDescent="0.2">
      <c r="A121" s="19">
        <v>119</v>
      </c>
      <c r="B121" s="5" t="s">
        <v>403</v>
      </c>
      <c r="C121" s="6" t="s">
        <v>404</v>
      </c>
      <c r="D121" s="6"/>
      <c r="E121" s="10" t="s">
        <v>527</v>
      </c>
      <c r="F121" s="10" t="s">
        <v>574</v>
      </c>
      <c r="G121" s="11" t="s">
        <v>460</v>
      </c>
      <c r="H121" s="6" t="s">
        <v>414</v>
      </c>
      <c r="I121" s="23"/>
    </row>
    <row r="122" spans="1:9" x14ac:dyDescent="0.2">
      <c r="A122" s="19">
        <v>120</v>
      </c>
      <c r="B122" s="5" t="s">
        <v>403</v>
      </c>
      <c r="C122" s="6" t="s">
        <v>407</v>
      </c>
      <c r="D122" s="6"/>
      <c r="E122" s="10" t="s">
        <v>461</v>
      </c>
      <c r="F122" s="10" t="s">
        <v>575</v>
      </c>
      <c r="G122" s="11" t="s">
        <v>462</v>
      </c>
      <c r="H122" s="6" t="s">
        <v>414</v>
      </c>
      <c r="I122" s="23"/>
    </row>
    <row r="123" spans="1:9" x14ac:dyDescent="0.2">
      <c r="A123" s="19">
        <v>121</v>
      </c>
      <c r="B123" s="5" t="s">
        <v>403</v>
      </c>
      <c r="C123" s="6"/>
      <c r="D123" s="6" t="s">
        <v>404</v>
      </c>
      <c r="E123" s="10" t="s">
        <v>463</v>
      </c>
      <c r="F123" s="10" t="s">
        <v>576</v>
      </c>
      <c r="G123" s="11" t="s">
        <v>464</v>
      </c>
      <c r="H123" s="6" t="s">
        <v>18</v>
      </c>
      <c r="I123" s="23"/>
    </row>
    <row r="124" spans="1:9" x14ac:dyDescent="0.2">
      <c r="A124" s="19">
        <v>122</v>
      </c>
      <c r="B124" s="5" t="s">
        <v>403</v>
      </c>
      <c r="C124" s="6" t="s">
        <v>407</v>
      </c>
      <c r="D124" s="6"/>
      <c r="E124" s="10" t="s">
        <v>1344</v>
      </c>
      <c r="F124" s="10" t="s">
        <v>577</v>
      </c>
      <c r="G124" s="11" t="s">
        <v>465</v>
      </c>
      <c r="H124" s="6" t="s">
        <v>18</v>
      </c>
      <c r="I124" s="23"/>
    </row>
    <row r="125" spans="1:9" ht="15" customHeight="1" x14ac:dyDescent="0.2">
      <c r="A125" s="19">
        <v>123</v>
      </c>
      <c r="B125" s="5" t="s">
        <v>403</v>
      </c>
      <c r="C125" s="6" t="s">
        <v>407</v>
      </c>
      <c r="D125" s="6"/>
      <c r="E125" s="10" t="s">
        <v>530</v>
      </c>
      <c r="F125" s="10" t="s">
        <v>578</v>
      </c>
      <c r="G125" s="11" t="s">
        <v>466</v>
      </c>
      <c r="H125" s="6" t="s">
        <v>445</v>
      </c>
      <c r="I125" s="23"/>
    </row>
    <row r="126" spans="1:9" x14ac:dyDescent="0.2">
      <c r="A126" s="19">
        <v>124</v>
      </c>
      <c r="B126" s="5" t="s">
        <v>403</v>
      </c>
      <c r="C126" s="6"/>
      <c r="D126" s="6" t="s">
        <v>404</v>
      </c>
      <c r="E126" s="10" t="s">
        <v>467</v>
      </c>
      <c r="F126" s="10" t="s">
        <v>579</v>
      </c>
      <c r="G126" s="11" t="s">
        <v>468</v>
      </c>
      <c r="H126" s="6" t="s">
        <v>414</v>
      </c>
      <c r="I126" s="23"/>
    </row>
    <row r="127" spans="1:9" x14ac:dyDescent="0.2">
      <c r="A127" s="19">
        <v>125</v>
      </c>
      <c r="B127" s="5" t="s">
        <v>403</v>
      </c>
      <c r="C127" s="6" t="s">
        <v>407</v>
      </c>
      <c r="D127" s="6"/>
      <c r="E127" s="10" t="s">
        <v>531</v>
      </c>
      <c r="F127" s="10" t="s">
        <v>580</v>
      </c>
      <c r="G127" s="11" t="s">
        <v>469</v>
      </c>
      <c r="H127" s="6" t="s">
        <v>414</v>
      </c>
      <c r="I127" s="23"/>
    </row>
    <row r="128" spans="1:9" x14ac:dyDescent="0.2">
      <c r="A128" s="19">
        <v>126</v>
      </c>
      <c r="B128" s="5" t="s">
        <v>403</v>
      </c>
      <c r="C128" s="6" t="s">
        <v>407</v>
      </c>
      <c r="D128" s="6"/>
      <c r="E128" s="10" t="s">
        <v>532</v>
      </c>
      <c r="F128" s="10" t="s">
        <v>581</v>
      </c>
      <c r="G128" s="11" t="s">
        <v>470</v>
      </c>
      <c r="H128" s="6" t="s">
        <v>18</v>
      </c>
      <c r="I128" s="23"/>
    </row>
    <row r="129" spans="1:9" x14ac:dyDescent="0.2">
      <c r="A129" s="19">
        <v>127</v>
      </c>
      <c r="B129" s="5" t="s">
        <v>403</v>
      </c>
      <c r="C129" s="6" t="s">
        <v>407</v>
      </c>
      <c r="D129" s="6"/>
      <c r="E129" s="10" t="s">
        <v>533</v>
      </c>
      <c r="F129" s="10" t="s">
        <v>582</v>
      </c>
      <c r="G129" s="11" t="s">
        <v>471</v>
      </c>
      <c r="H129" s="6" t="s">
        <v>414</v>
      </c>
      <c r="I129" s="23"/>
    </row>
    <row r="130" spans="1:9" x14ac:dyDescent="0.2">
      <c r="A130" s="19">
        <v>128</v>
      </c>
      <c r="B130" s="5" t="s">
        <v>403</v>
      </c>
      <c r="C130" s="6"/>
      <c r="D130" s="6" t="s">
        <v>407</v>
      </c>
      <c r="E130" s="10" t="s">
        <v>472</v>
      </c>
      <c r="F130" s="10" t="s">
        <v>583</v>
      </c>
      <c r="G130" s="11" t="s">
        <v>473</v>
      </c>
      <c r="H130" s="6" t="s">
        <v>414</v>
      </c>
      <c r="I130" s="23"/>
    </row>
    <row r="131" spans="1:9" x14ac:dyDescent="0.2">
      <c r="A131" s="19">
        <v>129</v>
      </c>
      <c r="B131" s="5" t="s">
        <v>403</v>
      </c>
      <c r="C131" s="6"/>
      <c r="D131" s="6" t="s">
        <v>407</v>
      </c>
      <c r="E131" s="10" t="s">
        <v>474</v>
      </c>
      <c r="F131" s="10" t="s">
        <v>584</v>
      </c>
      <c r="G131" s="11" t="s">
        <v>475</v>
      </c>
      <c r="H131" s="6" t="s">
        <v>414</v>
      </c>
      <c r="I131" s="23"/>
    </row>
    <row r="132" spans="1:9" x14ac:dyDescent="0.2">
      <c r="A132" s="19">
        <v>130</v>
      </c>
      <c r="B132" s="5" t="s">
        <v>403</v>
      </c>
      <c r="C132" s="6"/>
      <c r="D132" s="6" t="s">
        <v>407</v>
      </c>
      <c r="E132" s="10" t="s">
        <v>476</v>
      </c>
      <c r="F132" s="10" t="s">
        <v>585</v>
      </c>
      <c r="G132" s="11" t="s">
        <v>477</v>
      </c>
      <c r="H132" s="6" t="s">
        <v>18</v>
      </c>
      <c r="I132" s="23"/>
    </row>
    <row r="133" spans="1:9" ht="28.8" x14ac:dyDescent="0.2">
      <c r="A133" s="19">
        <v>131</v>
      </c>
      <c r="B133" s="5" t="s">
        <v>403</v>
      </c>
      <c r="C133" s="6" t="s">
        <v>404</v>
      </c>
      <c r="D133" s="6"/>
      <c r="E133" s="12" t="s">
        <v>1345</v>
      </c>
      <c r="F133" s="10" t="s">
        <v>586</v>
      </c>
      <c r="G133" s="11" t="s">
        <v>478</v>
      </c>
      <c r="H133" s="6" t="s">
        <v>414</v>
      </c>
      <c r="I133" s="23"/>
    </row>
    <row r="134" spans="1:9" x14ac:dyDescent="0.2">
      <c r="A134" s="19">
        <v>132</v>
      </c>
      <c r="B134" s="5" t="s">
        <v>403</v>
      </c>
      <c r="C134" s="6" t="s">
        <v>407</v>
      </c>
      <c r="D134" s="6"/>
      <c r="E134" s="10" t="s">
        <v>534</v>
      </c>
      <c r="F134" s="10" t="s">
        <v>587</v>
      </c>
      <c r="G134" s="8" t="s">
        <v>479</v>
      </c>
      <c r="H134" s="6" t="s">
        <v>414</v>
      </c>
      <c r="I134" s="23"/>
    </row>
    <row r="135" spans="1:9" x14ac:dyDescent="0.2">
      <c r="A135" s="19">
        <v>133</v>
      </c>
      <c r="B135" s="5" t="s">
        <v>403</v>
      </c>
      <c r="C135" s="6" t="s">
        <v>9</v>
      </c>
      <c r="D135" s="6"/>
      <c r="E135" s="10" t="s">
        <v>480</v>
      </c>
      <c r="F135" s="10" t="s">
        <v>1346</v>
      </c>
      <c r="G135" s="8" t="s">
        <v>1347</v>
      </c>
      <c r="H135" s="6" t="s">
        <v>414</v>
      </c>
      <c r="I135" s="23"/>
    </row>
    <row r="136" spans="1:9" x14ac:dyDescent="0.2">
      <c r="A136" s="19">
        <v>134</v>
      </c>
      <c r="B136" s="5" t="s">
        <v>403</v>
      </c>
      <c r="C136" s="6" t="s">
        <v>407</v>
      </c>
      <c r="D136" s="6"/>
      <c r="E136" s="10" t="s">
        <v>481</v>
      </c>
      <c r="F136" s="10" t="s">
        <v>588</v>
      </c>
      <c r="G136" s="8" t="s">
        <v>482</v>
      </c>
      <c r="H136" s="6" t="s">
        <v>414</v>
      </c>
      <c r="I136" s="23"/>
    </row>
    <row r="137" spans="1:9" ht="28.8" x14ac:dyDescent="0.2">
      <c r="A137" s="19">
        <v>135</v>
      </c>
      <c r="B137" s="5" t="s">
        <v>403</v>
      </c>
      <c r="C137" s="6" t="s">
        <v>9</v>
      </c>
      <c r="D137" s="6"/>
      <c r="E137" s="12" t="s">
        <v>1248</v>
      </c>
      <c r="F137" s="10" t="s">
        <v>589</v>
      </c>
      <c r="G137" s="8" t="s">
        <v>483</v>
      </c>
      <c r="H137" s="6" t="s">
        <v>445</v>
      </c>
      <c r="I137" s="23"/>
    </row>
    <row r="138" spans="1:9" x14ac:dyDescent="0.2">
      <c r="A138" s="19">
        <v>136</v>
      </c>
      <c r="B138" s="5" t="s">
        <v>403</v>
      </c>
      <c r="C138" s="6" t="s">
        <v>404</v>
      </c>
      <c r="D138" s="6"/>
      <c r="E138" s="10" t="s">
        <v>535</v>
      </c>
      <c r="F138" s="10" t="s">
        <v>590</v>
      </c>
      <c r="G138" s="8" t="s">
        <v>484</v>
      </c>
      <c r="H138" s="6" t="s">
        <v>18</v>
      </c>
      <c r="I138" s="23"/>
    </row>
    <row r="139" spans="1:9" s="2" customFormat="1" ht="28.8" x14ac:dyDescent="0.2">
      <c r="A139" s="19">
        <v>137</v>
      </c>
      <c r="B139" s="5" t="s">
        <v>403</v>
      </c>
      <c r="C139" s="6" t="s">
        <v>407</v>
      </c>
      <c r="D139" s="6"/>
      <c r="E139" s="12" t="s">
        <v>1249</v>
      </c>
      <c r="F139" s="10" t="s">
        <v>591</v>
      </c>
      <c r="G139" s="8" t="s">
        <v>485</v>
      </c>
      <c r="H139" s="6" t="s">
        <v>18</v>
      </c>
      <c r="I139" s="23"/>
    </row>
    <row r="140" spans="1:9" s="2" customFormat="1" ht="28.8" x14ac:dyDescent="0.2">
      <c r="A140" s="19">
        <v>138</v>
      </c>
      <c r="B140" s="5" t="s">
        <v>403</v>
      </c>
      <c r="C140" s="6" t="s">
        <v>9</v>
      </c>
      <c r="D140" s="6"/>
      <c r="E140" s="12" t="s">
        <v>1250</v>
      </c>
      <c r="F140" s="10" t="s">
        <v>592</v>
      </c>
      <c r="G140" s="8" t="s">
        <v>486</v>
      </c>
      <c r="H140" s="6" t="s">
        <v>416</v>
      </c>
      <c r="I140" s="23"/>
    </row>
    <row r="141" spans="1:9" s="2" customFormat="1" ht="28.8" x14ac:dyDescent="0.2">
      <c r="A141" s="19">
        <v>139</v>
      </c>
      <c r="B141" s="5" t="s">
        <v>403</v>
      </c>
      <c r="C141" s="6" t="s">
        <v>407</v>
      </c>
      <c r="D141" s="6"/>
      <c r="E141" s="12" t="s">
        <v>1251</v>
      </c>
      <c r="F141" s="10" t="s">
        <v>593</v>
      </c>
      <c r="G141" s="8" t="s">
        <v>487</v>
      </c>
      <c r="H141" s="6" t="s">
        <v>414</v>
      </c>
      <c r="I141" s="23"/>
    </row>
    <row r="142" spans="1:9" s="2" customFormat="1" ht="28.8" x14ac:dyDescent="0.2">
      <c r="A142" s="19">
        <v>140</v>
      </c>
      <c r="B142" s="5" t="s">
        <v>403</v>
      </c>
      <c r="C142" s="6" t="s">
        <v>407</v>
      </c>
      <c r="D142" s="6"/>
      <c r="E142" s="12" t="s">
        <v>1252</v>
      </c>
      <c r="F142" s="10" t="s">
        <v>594</v>
      </c>
      <c r="G142" s="8" t="s">
        <v>488</v>
      </c>
      <c r="H142" s="6" t="s">
        <v>414</v>
      </c>
      <c r="I142" s="23"/>
    </row>
    <row r="143" spans="1:9" s="2" customFormat="1" ht="28.8" x14ac:dyDescent="0.2">
      <c r="A143" s="19">
        <v>141</v>
      </c>
      <c r="B143" s="5" t="s">
        <v>403</v>
      </c>
      <c r="C143" s="6" t="s">
        <v>404</v>
      </c>
      <c r="D143" s="6"/>
      <c r="E143" s="12" t="s">
        <v>1253</v>
      </c>
      <c r="F143" s="10" t="s">
        <v>595</v>
      </c>
      <c r="G143" s="8" t="s">
        <v>489</v>
      </c>
      <c r="H143" s="6" t="s">
        <v>414</v>
      </c>
      <c r="I143" s="23"/>
    </row>
    <row r="144" spans="1:9" s="2" customFormat="1" x14ac:dyDescent="0.2">
      <c r="A144" s="19">
        <v>142</v>
      </c>
      <c r="B144" s="5" t="s">
        <v>403</v>
      </c>
      <c r="C144" s="6" t="s">
        <v>404</v>
      </c>
      <c r="D144" s="6"/>
      <c r="E144" s="10" t="s">
        <v>536</v>
      </c>
      <c r="F144" s="10" t="s">
        <v>596</v>
      </c>
      <c r="G144" s="8" t="s">
        <v>490</v>
      </c>
      <c r="H144" s="6" t="s">
        <v>414</v>
      </c>
      <c r="I144" s="23"/>
    </row>
    <row r="145" spans="1:9" s="2" customFormat="1" ht="28.8" x14ac:dyDescent="0.2">
      <c r="A145" s="19">
        <v>143</v>
      </c>
      <c r="B145" s="5" t="s">
        <v>403</v>
      </c>
      <c r="C145" s="6" t="s">
        <v>9</v>
      </c>
      <c r="D145" s="6"/>
      <c r="E145" s="12" t="s">
        <v>1254</v>
      </c>
      <c r="F145" s="10" t="s">
        <v>597</v>
      </c>
      <c r="G145" s="8" t="s">
        <v>491</v>
      </c>
      <c r="H145" s="6" t="s">
        <v>18</v>
      </c>
      <c r="I145" s="23"/>
    </row>
    <row r="146" spans="1:9" s="2" customFormat="1" x14ac:dyDescent="0.2">
      <c r="A146" s="19">
        <v>144</v>
      </c>
      <c r="B146" s="5" t="s">
        <v>403</v>
      </c>
      <c r="C146" s="6" t="s">
        <v>404</v>
      </c>
      <c r="D146" s="6"/>
      <c r="E146" s="10" t="s">
        <v>492</v>
      </c>
      <c r="F146" s="10" t="s">
        <v>598</v>
      </c>
      <c r="G146" s="8" t="s">
        <v>493</v>
      </c>
      <c r="H146" s="6" t="s">
        <v>414</v>
      </c>
      <c r="I146" s="23"/>
    </row>
    <row r="147" spans="1:9" s="2" customFormat="1" x14ac:dyDescent="0.2">
      <c r="A147" s="19">
        <v>145</v>
      </c>
      <c r="B147" s="5" t="s">
        <v>403</v>
      </c>
      <c r="C147" s="6" t="s">
        <v>9</v>
      </c>
      <c r="D147" s="6"/>
      <c r="E147" s="10" t="s">
        <v>494</v>
      </c>
      <c r="F147" s="10" t="s">
        <v>599</v>
      </c>
      <c r="G147" s="8" t="s">
        <v>495</v>
      </c>
      <c r="H147" s="6" t="s">
        <v>416</v>
      </c>
      <c r="I147" s="23"/>
    </row>
    <row r="148" spans="1:9" s="2" customFormat="1" x14ac:dyDescent="0.2">
      <c r="A148" s="19">
        <v>146</v>
      </c>
      <c r="B148" s="5" t="s">
        <v>403</v>
      </c>
      <c r="C148" s="6" t="s">
        <v>404</v>
      </c>
      <c r="D148" s="6"/>
      <c r="E148" s="10" t="s">
        <v>496</v>
      </c>
      <c r="F148" s="10" t="s">
        <v>600</v>
      </c>
      <c r="G148" s="8" t="s">
        <v>497</v>
      </c>
      <c r="H148" s="6" t="s">
        <v>18</v>
      </c>
      <c r="I148" s="23"/>
    </row>
    <row r="149" spans="1:9" s="2" customFormat="1" ht="28.8" x14ac:dyDescent="0.2">
      <c r="A149" s="19">
        <v>147</v>
      </c>
      <c r="B149" s="5" t="s">
        <v>403</v>
      </c>
      <c r="C149" s="6" t="s">
        <v>407</v>
      </c>
      <c r="D149" s="6"/>
      <c r="E149" s="12" t="s">
        <v>1255</v>
      </c>
      <c r="F149" s="10" t="s">
        <v>601</v>
      </c>
      <c r="G149" s="8" t="s">
        <v>498</v>
      </c>
      <c r="H149" s="6" t="s">
        <v>416</v>
      </c>
      <c r="I149" s="23"/>
    </row>
    <row r="150" spans="1:9" s="2" customFormat="1" ht="28.8" x14ac:dyDescent="0.2">
      <c r="A150" s="19">
        <v>148</v>
      </c>
      <c r="B150" s="5" t="s">
        <v>403</v>
      </c>
      <c r="C150" s="6" t="s">
        <v>408</v>
      </c>
      <c r="D150" s="6"/>
      <c r="E150" s="12" t="s">
        <v>1256</v>
      </c>
      <c r="F150" s="10" t="s">
        <v>602</v>
      </c>
      <c r="G150" s="8" t="s">
        <v>499</v>
      </c>
      <c r="H150" s="6" t="s">
        <v>414</v>
      </c>
      <c r="I150" s="23"/>
    </row>
    <row r="151" spans="1:9" s="2" customFormat="1" x14ac:dyDescent="0.2">
      <c r="A151" s="19">
        <v>149</v>
      </c>
      <c r="B151" s="5" t="s">
        <v>403</v>
      </c>
      <c r="C151" s="6" t="s">
        <v>404</v>
      </c>
      <c r="D151" s="6"/>
      <c r="E151" s="10" t="s">
        <v>500</v>
      </c>
      <c r="F151" s="10" t="s">
        <v>603</v>
      </c>
      <c r="G151" s="8" t="s">
        <v>501</v>
      </c>
      <c r="H151" s="6" t="s">
        <v>18</v>
      </c>
      <c r="I151" s="23"/>
    </row>
    <row r="152" spans="1:9" s="2" customFormat="1" ht="28.8" x14ac:dyDescent="0.2">
      <c r="A152" s="19">
        <v>150</v>
      </c>
      <c r="B152" s="5" t="s">
        <v>403</v>
      </c>
      <c r="C152" s="6" t="s">
        <v>9</v>
      </c>
      <c r="D152" s="6"/>
      <c r="E152" s="12" t="s">
        <v>1257</v>
      </c>
      <c r="F152" s="10" t="s">
        <v>604</v>
      </c>
      <c r="G152" s="8" t="s">
        <v>502</v>
      </c>
      <c r="H152" s="6" t="s">
        <v>414</v>
      </c>
      <c r="I152" s="23"/>
    </row>
    <row r="153" spans="1:9" s="2" customFormat="1" ht="28.8" x14ac:dyDescent="0.2">
      <c r="A153" s="19">
        <v>151</v>
      </c>
      <c r="B153" s="5" t="s">
        <v>403</v>
      </c>
      <c r="C153" s="6" t="s">
        <v>9</v>
      </c>
      <c r="D153" s="6"/>
      <c r="E153" s="12" t="s">
        <v>1258</v>
      </c>
      <c r="F153" s="10" t="s">
        <v>605</v>
      </c>
      <c r="G153" s="8" t="s">
        <v>503</v>
      </c>
      <c r="H153" s="6" t="s">
        <v>414</v>
      </c>
      <c r="I153" s="23"/>
    </row>
    <row r="154" spans="1:9" s="2" customFormat="1" x14ac:dyDescent="0.2">
      <c r="A154" s="19">
        <v>152</v>
      </c>
      <c r="B154" s="5" t="s">
        <v>403</v>
      </c>
      <c r="C154" s="6" t="s">
        <v>407</v>
      </c>
      <c r="D154" s="6"/>
      <c r="E154" s="10" t="s">
        <v>504</v>
      </c>
      <c r="F154" s="10" t="s">
        <v>606</v>
      </c>
      <c r="G154" s="8" t="s">
        <v>505</v>
      </c>
      <c r="H154" s="6" t="s">
        <v>18</v>
      </c>
      <c r="I154" s="23"/>
    </row>
    <row r="155" spans="1:9" s="2" customFormat="1" ht="28.8" x14ac:dyDescent="0.2">
      <c r="A155" s="19">
        <v>153</v>
      </c>
      <c r="B155" s="5" t="s">
        <v>403</v>
      </c>
      <c r="C155" s="6" t="s">
        <v>407</v>
      </c>
      <c r="D155" s="6"/>
      <c r="E155" s="12" t="s">
        <v>1259</v>
      </c>
      <c r="F155" s="10" t="s">
        <v>607</v>
      </c>
      <c r="G155" s="8" t="s">
        <v>506</v>
      </c>
      <c r="H155" s="6" t="s">
        <v>416</v>
      </c>
      <c r="I155" s="23"/>
    </row>
    <row r="156" spans="1:9" s="2" customFormat="1" ht="28.8" x14ac:dyDescent="0.2">
      <c r="A156" s="19">
        <v>154</v>
      </c>
      <c r="B156" s="5" t="s">
        <v>403</v>
      </c>
      <c r="C156" s="6" t="s">
        <v>407</v>
      </c>
      <c r="D156" s="6"/>
      <c r="E156" s="12" t="s">
        <v>1260</v>
      </c>
      <c r="F156" s="10" t="s">
        <v>608</v>
      </c>
      <c r="G156" s="8" t="s">
        <v>507</v>
      </c>
      <c r="H156" s="6" t="s">
        <v>414</v>
      </c>
      <c r="I156" s="23"/>
    </row>
    <row r="157" spans="1:9" s="2" customFormat="1" x14ac:dyDescent="0.2">
      <c r="A157" s="19">
        <v>155</v>
      </c>
      <c r="B157" s="5" t="s">
        <v>403</v>
      </c>
      <c r="C157" s="6" t="s">
        <v>407</v>
      </c>
      <c r="D157" s="6"/>
      <c r="E157" s="10" t="s">
        <v>508</v>
      </c>
      <c r="F157" s="10" t="s">
        <v>609</v>
      </c>
      <c r="G157" s="8" t="s">
        <v>509</v>
      </c>
      <c r="H157" s="6" t="s">
        <v>414</v>
      </c>
      <c r="I157" s="23"/>
    </row>
    <row r="158" spans="1:9" s="2" customFormat="1" x14ac:dyDescent="0.2">
      <c r="A158" s="19">
        <v>156</v>
      </c>
      <c r="B158" s="5" t="s">
        <v>403</v>
      </c>
      <c r="C158" s="6" t="s">
        <v>407</v>
      </c>
      <c r="D158" s="6"/>
      <c r="E158" s="10" t="s">
        <v>510</v>
      </c>
      <c r="F158" s="10" t="s">
        <v>610</v>
      </c>
      <c r="G158" s="8" t="s">
        <v>511</v>
      </c>
      <c r="H158" s="6" t="s">
        <v>414</v>
      </c>
      <c r="I158" s="23"/>
    </row>
    <row r="159" spans="1:9" s="2" customFormat="1" x14ac:dyDescent="0.2">
      <c r="A159" s="19">
        <v>157</v>
      </c>
      <c r="B159" s="5" t="s">
        <v>403</v>
      </c>
      <c r="C159" s="6" t="s">
        <v>404</v>
      </c>
      <c r="D159" s="6"/>
      <c r="E159" s="10" t="s">
        <v>512</v>
      </c>
      <c r="F159" s="10" t="s">
        <v>611</v>
      </c>
      <c r="G159" s="8" t="s">
        <v>513</v>
      </c>
      <c r="H159" s="6" t="s">
        <v>414</v>
      </c>
      <c r="I159" s="23"/>
    </row>
    <row r="160" spans="1:9" s="3" customFormat="1" x14ac:dyDescent="0.2">
      <c r="A160" s="19">
        <v>158</v>
      </c>
      <c r="B160" s="5" t="s">
        <v>1201</v>
      </c>
      <c r="C160" s="6" t="s">
        <v>9</v>
      </c>
      <c r="D160" s="6"/>
      <c r="E160" s="12" t="s">
        <v>1202</v>
      </c>
      <c r="F160" s="10" t="s">
        <v>1203</v>
      </c>
      <c r="G160" s="8"/>
      <c r="H160" s="6" t="s">
        <v>414</v>
      </c>
      <c r="I160" s="23"/>
    </row>
    <row r="161" spans="1:9" s="3" customFormat="1" x14ac:dyDescent="0.2">
      <c r="A161" s="19">
        <v>159</v>
      </c>
      <c r="B161" s="5" t="s">
        <v>1201</v>
      </c>
      <c r="C161" s="6" t="s">
        <v>9</v>
      </c>
      <c r="D161" s="6"/>
      <c r="E161" s="12" t="s">
        <v>1204</v>
      </c>
      <c r="F161" s="10" t="s">
        <v>1205</v>
      </c>
      <c r="G161" s="8"/>
      <c r="H161" s="6" t="s">
        <v>414</v>
      </c>
      <c r="I161" s="23"/>
    </row>
    <row r="162" spans="1:9" s="3" customFormat="1" x14ac:dyDescent="0.2">
      <c r="A162" s="19">
        <v>160</v>
      </c>
      <c r="B162" s="5" t="s">
        <v>403</v>
      </c>
      <c r="C162" s="6" t="s">
        <v>9</v>
      </c>
      <c r="D162" s="6"/>
      <c r="E162" s="12" t="s">
        <v>1206</v>
      </c>
      <c r="F162" s="10" t="s">
        <v>1207</v>
      </c>
      <c r="G162" s="8"/>
      <c r="H162" s="6" t="s">
        <v>414</v>
      </c>
      <c r="I162" s="23"/>
    </row>
    <row r="163" spans="1:9" s="3" customFormat="1" x14ac:dyDescent="0.2">
      <c r="A163" s="19">
        <v>161</v>
      </c>
      <c r="B163" s="5" t="s">
        <v>1201</v>
      </c>
      <c r="C163" s="6" t="s">
        <v>1208</v>
      </c>
      <c r="D163" s="6"/>
      <c r="E163" s="12" t="s">
        <v>1209</v>
      </c>
      <c r="F163" s="10" t="s">
        <v>1210</v>
      </c>
      <c r="G163" s="8"/>
      <c r="H163" s="6" t="s">
        <v>414</v>
      </c>
      <c r="I163" s="23"/>
    </row>
    <row r="164" spans="1:9" s="3" customFormat="1" x14ac:dyDescent="0.2">
      <c r="A164" s="19">
        <v>162</v>
      </c>
      <c r="B164" s="5" t="s">
        <v>403</v>
      </c>
      <c r="C164" s="6" t="s">
        <v>9</v>
      </c>
      <c r="D164" s="6"/>
      <c r="E164" s="12" t="s">
        <v>1211</v>
      </c>
      <c r="F164" s="10" t="s">
        <v>1212</v>
      </c>
      <c r="G164" s="8"/>
      <c r="H164" s="6" t="s">
        <v>414</v>
      </c>
      <c r="I164" s="23"/>
    </row>
    <row r="165" spans="1:9" s="3" customFormat="1" x14ac:dyDescent="0.2">
      <c r="A165" s="19">
        <v>163</v>
      </c>
      <c r="B165" s="5" t="s">
        <v>403</v>
      </c>
      <c r="C165" s="6" t="s">
        <v>9</v>
      </c>
      <c r="D165" s="6"/>
      <c r="E165" s="12" t="s">
        <v>1213</v>
      </c>
      <c r="F165" s="10" t="s">
        <v>1214</v>
      </c>
      <c r="G165" s="8"/>
      <c r="H165" s="6" t="s">
        <v>414</v>
      </c>
      <c r="I165" s="23"/>
    </row>
    <row r="166" spans="1:9" s="3" customFormat="1" x14ac:dyDescent="0.2">
      <c r="A166" s="19">
        <v>164</v>
      </c>
      <c r="B166" s="5" t="s">
        <v>1215</v>
      </c>
      <c r="C166" s="6" t="s">
        <v>9</v>
      </c>
      <c r="D166" s="6"/>
      <c r="E166" s="12" t="s">
        <v>1216</v>
      </c>
      <c r="F166" s="10" t="s">
        <v>1217</v>
      </c>
      <c r="G166" s="8"/>
      <c r="H166" s="6" t="s">
        <v>414</v>
      </c>
      <c r="I166" s="23"/>
    </row>
    <row r="167" spans="1:9" s="3" customFormat="1" ht="28.8" x14ac:dyDescent="0.2">
      <c r="A167" s="19">
        <v>165</v>
      </c>
      <c r="B167" s="5" t="s">
        <v>1215</v>
      </c>
      <c r="C167" s="6" t="s">
        <v>9</v>
      </c>
      <c r="D167" s="6"/>
      <c r="E167" s="5" t="s">
        <v>1316</v>
      </c>
      <c r="F167" s="7" t="s">
        <v>1317</v>
      </c>
      <c r="G167" s="5" t="s">
        <v>1318</v>
      </c>
      <c r="H167" s="6" t="s">
        <v>18</v>
      </c>
      <c r="I167" s="25"/>
    </row>
    <row r="168" spans="1:9" s="3" customFormat="1" ht="28.8" x14ac:dyDescent="0.2">
      <c r="A168" s="19">
        <v>166</v>
      </c>
      <c r="B168" s="5" t="s">
        <v>1215</v>
      </c>
      <c r="C168" s="6" t="s">
        <v>9</v>
      </c>
      <c r="D168" s="6"/>
      <c r="E168" s="7" t="s">
        <v>1319</v>
      </c>
      <c r="F168" s="39" t="s">
        <v>1320</v>
      </c>
      <c r="G168" s="5" t="s">
        <v>1321</v>
      </c>
      <c r="H168" s="6" t="s">
        <v>18</v>
      </c>
      <c r="I168" s="24"/>
    </row>
    <row r="169" spans="1:9" s="3" customFormat="1" ht="24" x14ac:dyDescent="0.2">
      <c r="A169" s="19">
        <v>167</v>
      </c>
      <c r="B169" s="5" t="s">
        <v>1215</v>
      </c>
      <c r="C169" s="6" t="s">
        <v>9</v>
      </c>
      <c r="D169" s="6"/>
      <c r="E169" s="58" t="s">
        <v>1348</v>
      </c>
      <c r="F169" s="50" t="s">
        <v>1349</v>
      </c>
      <c r="G169" s="5" t="s">
        <v>1350</v>
      </c>
      <c r="H169" s="6" t="s">
        <v>18</v>
      </c>
      <c r="I169" s="31"/>
    </row>
    <row r="170" spans="1:9" s="3" customFormat="1" ht="28.8" x14ac:dyDescent="0.2">
      <c r="A170" s="19">
        <v>168</v>
      </c>
      <c r="B170" s="5" t="s">
        <v>1215</v>
      </c>
      <c r="C170" s="6" t="s">
        <v>9</v>
      </c>
      <c r="D170" s="6"/>
      <c r="E170" s="59" t="s">
        <v>1351</v>
      </c>
      <c r="F170" s="59" t="s">
        <v>1352</v>
      </c>
      <c r="G170" s="34" t="s">
        <v>1353</v>
      </c>
      <c r="H170" s="6" t="s">
        <v>18</v>
      </c>
      <c r="I170" s="46"/>
    </row>
    <row r="171" spans="1:9" s="3" customFormat="1" x14ac:dyDescent="0.2">
      <c r="A171" s="19">
        <v>169</v>
      </c>
      <c r="B171" s="5" t="s">
        <v>1215</v>
      </c>
      <c r="C171" s="6" t="s">
        <v>9</v>
      </c>
      <c r="D171" s="6"/>
      <c r="E171" s="45" t="s">
        <v>1354</v>
      </c>
      <c r="F171" s="45" t="s">
        <v>1355</v>
      </c>
      <c r="G171" s="34" t="s">
        <v>1356</v>
      </c>
      <c r="H171" s="6" t="s">
        <v>18</v>
      </c>
      <c r="I171" s="31"/>
    </row>
    <row r="172" spans="1:9" s="2" customFormat="1" x14ac:dyDescent="0.2">
      <c r="A172" s="19">
        <v>170</v>
      </c>
      <c r="B172" s="5" t="s">
        <v>8</v>
      </c>
      <c r="C172" s="6" t="s">
        <v>9</v>
      </c>
      <c r="D172" s="6"/>
      <c r="E172" s="5" t="s">
        <v>10</v>
      </c>
      <c r="F172" s="39" t="s">
        <v>15</v>
      </c>
      <c r="G172" s="8" t="s">
        <v>11</v>
      </c>
      <c r="H172" s="6" t="s">
        <v>9</v>
      </c>
      <c r="I172" s="23"/>
    </row>
    <row r="173" spans="1:9" s="2" customFormat="1" x14ac:dyDescent="0.2">
      <c r="A173" s="19">
        <v>171</v>
      </c>
      <c r="B173" s="5" t="s">
        <v>8</v>
      </c>
      <c r="C173" s="6" t="s">
        <v>9</v>
      </c>
      <c r="D173" s="6"/>
      <c r="E173" s="5" t="s">
        <v>12</v>
      </c>
      <c r="F173" s="39" t="s">
        <v>16</v>
      </c>
      <c r="G173" s="8" t="s">
        <v>13</v>
      </c>
      <c r="H173" s="6" t="s">
        <v>9</v>
      </c>
      <c r="I173" s="23"/>
    </row>
    <row r="174" spans="1:9" s="1" customFormat="1" x14ac:dyDescent="0.2">
      <c r="A174" s="19">
        <v>172</v>
      </c>
      <c r="B174" s="5" t="s">
        <v>8</v>
      </c>
      <c r="C174" s="6" t="s">
        <v>9</v>
      </c>
      <c r="D174" s="6"/>
      <c r="E174" s="5" t="s">
        <v>1261</v>
      </c>
      <c r="F174" s="39" t="s">
        <v>14</v>
      </c>
      <c r="G174" s="8" t="s">
        <v>17</v>
      </c>
      <c r="H174" s="6" t="s">
        <v>18</v>
      </c>
      <c r="I174" s="26"/>
    </row>
    <row r="175" spans="1:9" s="2" customFormat="1" x14ac:dyDescent="0.2">
      <c r="A175" s="19">
        <v>173</v>
      </c>
      <c r="B175" s="5" t="s">
        <v>8</v>
      </c>
      <c r="C175" s="6" t="s">
        <v>9</v>
      </c>
      <c r="D175" s="6"/>
      <c r="E175" s="5" t="s">
        <v>19</v>
      </c>
      <c r="F175" s="39" t="s">
        <v>20</v>
      </c>
      <c r="G175" s="8" t="s">
        <v>21</v>
      </c>
      <c r="H175" s="6" t="s">
        <v>18</v>
      </c>
      <c r="I175" s="23"/>
    </row>
    <row r="176" spans="1:9" s="2" customFormat="1" x14ac:dyDescent="0.2">
      <c r="A176" s="19">
        <v>174</v>
      </c>
      <c r="B176" s="5" t="s">
        <v>8</v>
      </c>
      <c r="C176" s="6" t="s">
        <v>9</v>
      </c>
      <c r="D176" s="6"/>
      <c r="E176" s="5" t="s">
        <v>22</v>
      </c>
      <c r="F176" s="39" t="s">
        <v>23</v>
      </c>
      <c r="G176" s="8" t="s">
        <v>24</v>
      </c>
      <c r="H176" s="6" t="s">
        <v>9</v>
      </c>
      <c r="I176" s="23"/>
    </row>
    <row r="177" spans="1:9" s="2" customFormat="1" x14ac:dyDescent="0.2">
      <c r="A177" s="19">
        <v>175</v>
      </c>
      <c r="B177" s="5" t="s">
        <v>8</v>
      </c>
      <c r="C177" s="6" t="s">
        <v>9</v>
      </c>
      <c r="D177" s="6"/>
      <c r="E177" s="5" t="s">
        <v>25</v>
      </c>
      <c r="F177" s="39" t="s">
        <v>26</v>
      </c>
      <c r="G177" s="8" t="s">
        <v>27</v>
      </c>
      <c r="H177" s="6" t="s">
        <v>18</v>
      </c>
      <c r="I177" s="23"/>
    </row>
    <row r="178" spans="1:9" s="2" customFormat="1" x14ac:dyDescent="0.2">
      <c r="A178" s="19">
        <v>176</v>
      </c>
      <c r="B178" s="5" t="s">
        <v>8</v>
      </c>
      <c r="C178" s="6" t="s">
        <v>9</v>
      </c>
      <c r="D178" s="6"/>
      <c r="E178" s="5" t="s">
        <v>28</v>
      </c>
      <c r="F178" s="39" t="s">
        <v>29</v>
      </c>
      <c r="G178" s="8" t="s">
        <v>30</v>
      </c>
      <c r="H178" s="6" t="s">
        <v>9</v>
      </c>
      <c r="I178" s="23"/>
    </row>
    <row r="179" spans="1:9" x14ac:dyDescent="0.2">
      <c r="A179" s="19">
        <v>177</v>
      </c>
      <c r="B179" s="5" t="s">
        <v>8</v>
      </c>
      <c r="C179" s="6" t="s">
        <v>9</v>
      </c>
      <c r="D179" s="6"/>
      <c r="E179" s="5" t="s">
        <v>31</v>
      </c>
      <c r="F179" s="39" t="s">
        <v>32</v>
      </c>
      <c r="G179" s="8" t="s">
        <v>33</v>
      </c>
      <c r="H179" s="6" t="s">
        <v>18</v>
      </c>
      <c r="I179" s="23"/>
    </row>
    <row r="180" spans="1:9" x14ac:dyDescent="0.2">
      <c r="A180" s="19">
        <v>178</v>
      </c>
      <c r="B180" s="5" t="s">
        <v>8</v>
      </c>
      <c r="C180" s="6" t="s">
        <v>9</v>
      </c>
      <c r="D180" s="6"/>
      <c r="E180" s="5" t="s">
        <v>1218</v>
      </c>
      <c r="F180" s="39" t="s">
        <v>34</v>
      </c>
      <c r="G180" s="8" t="s">
        <v>35</v>
      </c>
      <c r="H180" s="6" t="s">
        <v>18</v>
      </c>
      <c r="I180" s="23"/>
    </row>
    <row r="181" spans="1:9" x14ac:dyDescent="0.2">
      <c r="A181" s="19">
        <v>179</v>
      </c>
      <c r="B181" s="5" t="s">
        <v>8</v>
      </c>
      <c r="C181" s="6"/>
      <c r="D181" s="6" t="s">
        <v>9</v>
      </c>
      <c r="E181" s="5" t="s">
        <v>36</v>
      </c>
      <c r="F181" s="39" t="s">
        <v>37</v>
      </c>
      <c r="G181" s="8" t="s">
        <v>38</v>
      </c>
      <c r="H181" s="6" t="s">
        <v>18</v>
      </c>
      <c r="I181" s="23"/>
    </row>
    <row r="182" spans="1:9" x14ac:dyDescent="0.2">
      <c r="A182" s="19">
        <v>180</v>
      </c>
      <c r="B182" s="5" t="s">
        <v>8</v>
      </c>
      <c r="C182" s="6" t="s">
        <v>9</v>
      </c>
      <c r="D182" s="6"/>
      <c r="E182" s="5" t="s">
        <v>39</v>
      </c>
      <c r="F182" s="39" t="s">
        <v>40</v>
      </c>
      <c r="G182" s="8" t="s">
        <v>41</v>
      </c>
      <c r="H182" s="6" t="s">
        <v>9</v>
      </c>
      <c r="I182" s="23"/>
    </row>
    <row r="183" spans="1:9" x14ac:dyDescent="0.2">
      <c r="A183" s="19">
        <v>181</v>
      </c>
      <c r="B183" s="5" t="s">
        <v>8</v>
      </c>
      <c r="C183" s="6"/>
      <c r="D183" s="6" t="s">
        <v>9</v>
      </c>
      <c r="E183" s="5" t="s">
        <v>42</v>
      </c>
      <c r="F183" s="39" t="s">
        <v>43</v>
      </c>
      <c r="G183" s="8" t="s">
        <v>44</v>
      </c>
      <c r="H183" s="6" t="s">
        <v>18</v>
      </c>
      <c r="I183" s="23"/>
    </row>
    <row r="184" spans="1:9" x14ac:dyDescent="0.2">
      <c r="A184" s="19">
        <v>182</v>
      </c>
      <c r="B184" s="5" t="s">
        <v>8</v>
      </c>
      <c r="C184" s="6" t="s">
        <v>9</v>
      </c>
      <c r="D184" s="6"/>
      <c r="E184" s="5" t="s">
        <v>45</v>
      </c>
      <c r="F184" s="39" t="s">
        <v>46</v>
      </c>
      <c r="G184" s="8" t="s">
        <v>47</v>
      </c>
      <c r="H184" s="6" t="s">
        <v>18</v>
      </c>
      <c r="I184" s="23"/>
    </row>
    <row r="185" spans="1:9" x14ac:dyDescent="0.2">
      <c r="A185" s="19">
        <v>183</v>
      </c>
      <c r="B185" s="5" t="s">
        <v>8</v>
      </c>
      <c r="C185" s="6" t="s">
        <v>9</v>
      </c>
      <c r="D185" s="6"/>
      <c r="E185" s="5" t="s">
        <v>48</v>
      </c>
      <c r="F185" s="39" t="s">
        <v>49</v>
      </c>
      <c r="G185" s="8" t="s">
        <v>50</v>
      </c>
      <c r="H185" s="6" t="s">
        <v>18</v>
      </c>
      <c r="I185" s="23"/>
    </row>
    <row r="186" spans="1:9" x14ac:dyDescent="0.2">
      <c r="A186" s="19">
        <v>184</v>
      </c>
      <c r="B186" s="5" t="s">
        <v>8</v>
      </c>
      <c r="C186" s="6"/>
      <c r="D186" s="6" t="s">
        <v>9</v>
      </c>
      <c r="E186" s="5" t="s">
        <v>51</v>
      </c>
      <c r="F186" s="39" t="s">
        <v>52</v>
      </c>
      <c r="G186" s="8" t="s">
        <v>53</v>
      </c>
      <c r="H186" s="6" t="s">
        <v>9</v>
      </c>
      <c r="I186" s="23"/>
    </row>
    <row r="187" spans="1:9" x14ac:dyDescent="0.2">
      <c r="A187" s="19">
        <v>185</v>
      </c>
      <c r="B187" s="5" t="s">
        <v>8</v>
      </c>
      <c r="C187" s="6" t="s">
        <v>9</v>
      </c>
      <c r="D187" s="6"/>
      <c r="E187" s="5" t="s">
        <v>54</v>
      </c>
      <c r="F187" s="39" t="s">
        <v>55</v>
      </c>
      <c r="G187" s="8" t="s">
        <v>56</v>
      </c>
      <c r="H187" s="6" t="s">
        <v>9</v>
      </c>
      <c r="I187" s="23"/>
    </row>
    <row r="188" spans="1:9" x14ac:dyDescent="0.2">
      <c r="A188" s="19">
        <v>186</v>
      </c>
      <c r="B188" s="5" t="s">
        <v>8</v>
      </c>
      <c r="C188" s="6" t="s">
        <v>9</v>
      </c>
      <c r="D188" s="6"/>
      <c r="E188" s="5" t="s">
        <v>57</v>
      </c>
      <c r="F188" s="39" t="s">
        <v>58</v>
      </c>
      <c r="G188" s="8" t="s">
        <v>59</v>
      </c>
      <c r="H188" s="6" t="s">
        <v>18</v>
      </c>
      <c r="I188" s="23"/>
    </row>
    <row r="189" spans="1:9" x14ac:dyDescent="0.2">
      <c r="A189" s="19">
        <v>187</v>
      </c>
      <c r="B189" s="5" t="s">
        <v>8</v>
      </c>
      <c r="C189" s="6" t="s">
        <v>9</v>
      </c>
      <c r="D189" s="6"/>
      <c r="E189" s="5" t="s">
        <v>60</v>
      </c>
      <c r="F189" s="39" t="s">
        <v>61</v>
      </c>
      <c r="G189" s="8" t="s">
        <v>62</v>
      </c>
      <c r="H189" s="6" t="s">
        <v>18</v>
      </c>
      <c r="I189" s="23"/>
    </row>
    <row r="190" spans="1:9" s="2" customFormat="1" x14ac:dyDescent="0.2">
      <c r="A190" s="19">
        <v>188</v>
      </c>
      <c r="B190" s="5" t="s">
        <v>8</v>
      </c>
      <c r="C190" s="6" t="s">
        <v>1219</v>
      </c>
      <c r="D190" s="6"/>
      <c r="E190" s="5" t="s">
        <v>63</v>
      </c>
      <c r="F190" s="39" t="s">
        <v>64</v>
      </c>
      <c r="G190" s="8" t="s">
        <v>65</v>
      </c>
      <c r="H190" s="6" t="s">
        <v>18</v>
      </c>
      <c r="I190" s="23"/>
    </row>
    <row r="191" spans="1:9" x14ac:dyDescent="0.2">
      <c r="A191" s="19">
        <v>189</v>
      </c>
      <c r="B191" s="5" t="s">
        <v>8</v>
      </c>
      <c r="C191" s="6"/>
      <c r="D191" s="6" t="s">
        <v>9</v>
      </c>
      <c r="E191" s="5" t="s">
        <v>66</v>
      </c>
      <c r="F191" s="39" t="s">
        <v>67</v>
      </c>
      <c r="G191" s="8" t="s">
        <v>68</v>
      </c>
      <c r="H191" s="6" t="s">
        <v>18</v>
      </c>
      <c r="I191" s="23"/>
    </row>
    <row r="192" spans="1:9" s="2" customFormat="1" x14ac:dyDescent="0.2">
      <c r="A192" s="19">
        <v>190</v>
      </c>
      <c r="B192" s="5" t="s">
        <v>8</v>
      </c>
      <c r="C192" s="6"/>
      <c r="D192" s="6" t="s">
        <v>9</v>
      </c>
      <c r="E192" s="5" t="s">
        <v>69</v>
      </c>
      <c r="F192" s="39" t="s">
        <v>70</v>
      </c>
      <c r="G192" s="8" t="s">
        <v>71</v>
      </c>
      <c r="H192" s="6" t="s">
        <v>18</v>
      </c>
      <c r="I192" s="23"/>
    </row>
    <row r="193" spans="1:9" s="2" customFormat="1" x14ac:dyDescent="0.2">
      <c r="A193" s="19">
        <v>191</v>
      </c>
      <c r="B193" s="5" t="s">
        <v>8</v>
      </c>
      <c r="C193" s="6" t="s">
        <v>9</v>
      </c>
      <c r="D193" s="6"/>
      <c r="E193" s="5" t="s">
        <v>988</v>
      </c>
      <c r="F193" s="39" t="s">
        <v>989</v>
      </c>
      <c r="G193" s="8" t="s">
        <v>990</v>
      </c>
      <c r="H193" s="6" t="s">
        <v>92</v>
      </c>
      <c r="I193" s="23"/>
    </row>
    <row r="194" spans="1:9" s="2" customFormat="1" ht="28.8" x14ac:dyDescent="0.2">
      <c r="A194" s="19">
        <v>192</v>
      </c>
      <c r="B194" s="5" t="s">
        <v>8</v>
      </c>
      <c r="C194" s="6" t="s">
        <v>9</v>
      </c>
      <c r="D194" s="6"/>
      <c r="E194" s="7" t="s">
        <v>1117</v>
      </c>
      <c r="F194" s="39" t="s">
        <v>991</v>
      </c>
      <c r="G194" s="8" t="s">
        <v>992</v>
      </c>
      <c r="H194" s="6" t="s">
        <v>92</v>
      </c>
      <c r="I194" s="23"/>
    </row>
    <row r="195" spans="1:9" s="2" customFormat="1" x14ac:dyDescent="0.2">
      <c r="A195" s="19">
        <v>193</v>
      </c>
      <c r="B195" s="5" t="s">
        <v>8</v>
      </c>
      <c r="C195" s="6" t="s">
        <v>9</v>
      </c>
      <c r="D195" s="6"/>
      <c r="E195" s="5" t="s">
        <v>993</v>
      </c>
      <c r="F195" s="39" t="s">
        <v>994</v>
      </c>
      <c r="G195" s="8" t="s">
        <v>995</v>
      </c>
      <c r="H195" s="6" t="s">
        <v>92</v>
      </c>
      <c r="I195" s="23"/>
    </row>
    <row r="196" spans="1:9" s="2" customFormat="1" ht="28.8" x14ac:dyDescent="0.2">
      <c r="A196" s="19">
        <v>194</v>
      </c>
      <c r="B196" s="5" t="s">
        <v>8</v>
      </c>
      <c r="C196" s="6" t="s">
        <v>9</v>
      </c>
      <c r="D196" s="6"/>
      <c r="E196" s="7" t="s">
        <v>1118</v>
      </c>
      <c r="F196" s="39" t="s">
        <v>996</v>
      </c>
      <c r="G196" s="8" t="s">
        <v>997</v>
      </c>
      <c r="H196" s="6" t="s">
        <v>92</v>
      </c>
      <c r="I196" s="23"/>
    </row>
    <row r="197" spans="1:9" s="2" customFormat="1" x14ac:dyDescent="0.2">
      <c r="A197" s="19">
        <v>195</v>
      </c>
      <c r="B197" s="5" t="s">
        <v>8</v>
      </c>
      <c r="C197" s="6" t="s">
        <v>9</v>
      </c>
      <c r="D197" s="6"/>
      <c r="E197" s="5" t="s">
        <v>998</v>
      </c>
      <c r="F197" s="39" t="s">
        <v>999</v>
      </c>
      <c r="G197" s="8" t="s">
        <v>1000</v>
      </c>
      <c r="H197" s="6" t="s">
        <v>92</v>
      </c>
      <c r="I197" s="23"/>
    </row>
    <row r="198" spans="1:9" x14ac:dyDescent="0.2">
      <c r="A198" s="19">
        <v>196</v>
      </c>
      <c r="B198" s="5" t="s">
        <v>8</v>
      </c>
      <c r="C198" s="6" t="s">
        <v>9</v>
      </c>
      <c r="D198" s="6"/>
      <c r="E198" s="5" t="s">
        <v>1001</v>
      </c>
      <c r="F198" s="39" t="s">
        <v>1002</v>
      </c>
      <c r="G198" s="8" t="s">
        <v>1003</v>
      </c>
      <c r="H198" s="6" t="s">
        <v>92</v>
      </c>
      <c r="I198" s="23"/>
    </row>
    <row r="199" spans="1:9" x14ac:dyDescent="0.2">
      <c r="A199" s="19">
        <v>197</v>
      </c>
      <c r="B199" s="5" t="s">
        <v>8</v>
      </c>
      <c r="C199" s="6" t="s">
        <v>9</v>
      </c>
      <c r="D199" s="6"/>
      <c r="E199" s="5" t="s">
        <v>1004</v>
      </c>
      <c r="F199" s="39" t="s">
        <v>1005</v>
      </c>
      <c r="G199" s="8" t="s">
        <v>1006</v>
      </c>
      <c r="H199" s="6" t="s">
        <v>92</v>
      </c>
      <c r="I199" s="23"/>
    </row>
    <row r="200" spans="1:9" x14ac:dyDescent="0.2">
      <c r="A200" s="19">
        <v>198</v>
      </c>
      <c r="B200" s="5" t="s">
        <v>8</v>
      </c>
      <c r="C200" s="6" t="s">
        <v>9</v>
      </c>
      <c r="D200" s="6"/>
      <c r="E200" s="5" t="s">
        <v>1007</v>
      </c>
      <c r="F200" s="39" t="s">
        <v>1008</v>
      </c>
      <c r="G200" s="8" t="s">
        <v>1009</v>
      </c>
      <c r="H200" s="6" t="s">
        <v>92</v>
      </c>
      <c r="I200" s="24"/>
    </row>
    <row r="201" spans="1:9" x14ac:dyDescent="0.2">
      <c r="A201" s="19">
        <v>199</v>
      </c>
      <c r="B201" s="5" t="s">
        <v>8</v>
      </c>
      <c r="C201" s="6" t="s">
        <v>9</v>
      </c>
      <c r="D201" s="6"/>
      <c r="E201" s="5" t="s">
        <v>1010</v>
      </c>
      <c r="F201" s="39" t="s">
        <v>1011</v>
      </c>
      <c r="G201" s="8" t="s">
        <v>1012</v>
      </c>
      <c r="H201" s="6" t="s">
        <v>92</v>
      </c>
      <c r="I201" s="24"/>
    </row>
    <row r="202" spans="1:9" s="2" customFormat="1" x14ac:dyDescent="0.2">
      <c r="A202" s="19">
        <v>200</v>
      </c>
      <c r="B202" s="5" t="s">
        <v>8</v>
      </c>
      <c r="C202" s="6" t="s">
        <v>9</v>
      </c>
      <c r="D202" s="6"/>
      <c r="E202" s="5" t="s">
        <v>1013</v>
      </c>
      <c r="F202" s="39" t="s">
        <v>1014</v>
      </c>
      <c r="G202" s="8" t="s">
        <v>1015</v>
      </c>
      <c r="H202" s="6" t="s">
        <v>92</v>
      </c>
      <c r="I202" s="24"/>
    </row>
    <row r="203" spans="1:9" x14ac:dyDescent="0.2">
      <c r="A203" s="19">
        <v>201</v>
      </c>
      <c r="B203" s="5" t="s">
        <v>8</v>
      </c>
      <c r="C203" s="6" t="s">
        <v>9</v>
      </c>
      <c r="D203" s="6"/>
      <c r="E203" s="5" t="s">
        <v>1016</v>
      </c>
      <c r="F203" s="39" t="s">
        <v>1017</v>
      </c>
      <c r="G203" s="8" t="s">
        <v>1018</v>
      </c>
      <c r="H203" s="6" t="s">
        <v>92</v>
      </c>
      <c r="I203" s="24"/>
    </row>
    <row r="204" spans="1:9" s="2" customFormat="1" x14ac:dyDescent="0.2">
      <c r="A204" s="19">
        <v>202</v>
      </c>
      <c r="B204" s="5" t="s">
        <v>8</v>
      </c>
      <c r="C204" s="6" t="s">
        <v>9</v>
      </c>
      <c r="D204" s="6"/>
      <c r="E204" s="5" t="s">
        <v>1019</v>
      </c>
      <c r="F204" s="39" t="s">
        <v>1020</v>
      </c>
      <c r="G204" s="8" t="s">
        <v>1021</v>
      </c>
      <c r="H204" s="6" t="s">
        <v>92</v>
      </c>
      <c r="I204" s="24"/>
    </row>
    <row r="205" spans="1:9" x14ac:dyDescent="0.2">
      <c r="A205" s="19">
        <v>203</v>
      </c>
      <c r="B205" s="5" t="s">
        <v>8</v>
      </c>
      <c r="C205" s="6" t="s">
        <v>9</v>
      </c>
      <c r="D205" s="6"/>
      <c r="E205" s="5" t="s">
        <v>1022</v>
      </c>
      <c r="F205" s="39" t="s">
        <v>1023</v>
      </c>
      <c r="G205" s="8" t="s">
        <v>1024</v>
      </c>
      <c r="H205" s="6" t="s">
        <v>92</v>
      </c>
      <c r="I205" s="24"/>
    </row>
    <row r="206" spans="1:9" x14ac:dyDescent="0.2">
      <c r="A206" s="19">
        <v>204</v>
      </c>
      <c r="B206" s="5" t="s">
        <v>8</v>
      </c>
      <c r="C206" s="6" t="s">
        <v>9</v>
      </c>
      <c r="D206" s="6"/>
      <c r="E206" s="5" t="s">
        <v>1025</v>
      </c>
      <c r="F206" s="39" t="s">
        <v>1026</v>
      </c>
      <c r="G206" s="8" t="s">
        <v>1027</v>
      </c>
      <c r="H206" s="6" t="s">
        <v>92</v>
      </c>
      <c r="I206" s="24"/>
    </row>
    <row r="207" spans="1:9" s="2" customFormat="1" x14ac:dyDescent="0.2">
      <c r="A207" s="19">
        <v>205</v>
      </c>
      <c r="B207" s="5" t="s">
        <v>8</v>
      </c>
      <c r="C207" s="6" t="s">
        <v>9</v>
      </c>
      <c r="D207" s="6"/>
      <c r="E207" s="5" t="s">
        <v>1028</v>
      </c>
      <c r="F207" s="39" t="s">
        <v>1029</v>
      </c>
      <c r="G207" s="8" t="s">
        <v>1030</v>
      </c>
      <c r="H207" s="6" t="s">
        <v>92</v>
      </c>
      <c r="I207" s="24"/>
    </row>
    <row r="208" spans="1:9" x14ac:dyDescent="0.2">
      <c r="A208" s="19">
        <v>206</v>
      </c>
      <c r="B208" s="5" t="s">
        <v>8</v>
      </c>
      <c r="C208" s="6" t="s">
        <v>9</v>
      </c>
      <c r="D208" s="6"/>
      <c r="E208" s="5" t="s">
        <v>1031</v>
      </c>
      <c r="F208" s="39" t="s">
        <v>1032</v>
      </c>
      <c r="G208" s="8" t="s">
        <v>1033</v>
      </c>
      <c r="H208" s="6" t="s">
        <v>92</v>
      </c>
      <c r="I208" s="24"/>
    </row>
    <row r="209" spans="1:9" x14ac:dyDescent="0.2">
      <c r="A209" s="19">
        <v>207</v>
      </c>
      <c r="B209" s="5" t="s">
        <v>8</v>
      </c>
      <c r="C209" s="6" t="s">
        <v>9</v>
      </c>
      <c r="D209" s="6"/>
      <c r="E209" s="5" t="s">
        <v>1034</v>
      </c>
      <c r="F209" s="39" t="s">
        <v>1035</v>
      </c>
      <c r="G209" s="8" t="s">
        <v>1036</v>
      </c>
      <c r="H209" s="6" t="s">
        <v>92</v>
      </c>
      <c r="I209" s="24"/>
    </row>
    <row r="210" spans="1:9" x14ac:dyDescent="0.2">
      <c r="A210" s="19">
        <v>208</v>
      </c>
      <c r="B210" s="5" t="s">
        <v>8</v>
      </c>
      <c r="C210" s="6" t="s">
        <v>9</v>
      </c>
      <c r="D210" s="6"/>
      <c r="E210" s="5" t="s">
        <v>1037</v>
      </c>
      <c r="F210" s="39" t="s">
        <v>1038</v>
      </c>
      <c r="G210" s="8" t="s">
        <v>1039</v>
      </c>
      <c r="H210" s="6" t="s">
        <v>92</v>
      </c>
      <c r="I210" s="23"/>
    </row>
    <row r="211" spans="1:9" x14ac:dyDescent="0.2">
      <c r="A211" s="19">
        <v>209</v>
      </c>
      <c r="B211" s="5" t="s">
        <v>8</v>
      </c>
      <c r="C211" s="6" t="s">
        <v>9</v>
      </c>
      <c r="D211" s="6"/>
      <c r="E211" s="5" t="s">
        <v>1040</v>
      </c>
      <c r="F211" s="39" t="s">
        <v>1041</v>
      </c>
      <c r="G211" s="8" t="s">
        <v>1042</v>
      </c>
      <c r="H211" s="6" t="s">
        <v>92</v>
      </c>
      <c r="I211" s="23"/>
    </row>
    <row r="212" spans="1:9" s="3" customFormat="1" x14ac:dyDescent="0.2">
      <c r="A212" s="19">
        <v>210</v>
      </c>
      <c r="B212" s="5" t="s">
        <v>1220</v>
      </c>
      <c r="C212" s="6" t="s">
        <v>1221</v>
      </c>
      <c r="D212" s="6"/>
      <c r="E212" s="5" t="s">
        <v>1222</v>
      </c>
      <c r="F212" s="39" t="s">
        <v>1223</v>
      </c>
      <c r="G212" s="8" t="s">
        <v>1224</v>
      </c>
      <c r="H212" s="6" t="s">
        <v>18</v>
      </c>
      <c r="I212" s="23"/>
    </row>
    <row r="213" spans="1:9" ht="13.5" customHeight="1" x14ac:dyDescent="0.2">
      <c r="A213" s="19">
        <v>211</v>
      </c>
      <c r="B213" s="5" t="s">
        <v>72</v>
      </c>
      <c r="C213" s="6" t="s">
        <v>9</v>
      </c>
      <c r="D213" s="6"/>
      <c r="E213" s="5" t="s">
        <v>73</v>
      </c>
      <c r="F213" s="39" t="s">
        <v>244</v>
      </c>
      <c r="G213" s="8" t="s">
        <v>74</v>
      </c>
      <c r="H213" s="6" t="s">
        <v>75</v>
      </c>
      <c r="I213" s="23"/>
    </row>
    <row r="214" spans="1:9" x14ac:dyDescent="0.2">
      <c r="A214" s="19">
        <v>212</v>
      </c>
      <c r="B214" s="5" t="s">
        <v>72</v>
      </c>
      <c r="C214" s="6" t="s">
        <v>9</v>
      </c>
      <c r="D214" s="6"/>
      <c r="E214" s="5" t="s">
        <v>76</v>
      </c>
      <c r="F214" s="39" t="s">
        <v>245</v>
      </c>
      <c r="G214" s="8" t="s">
        <v>77</v>
      </c>
      <c r="H214" s="6" t="s">
        <v>75</v>
      </c>
      <c r="I214" s="23"/>
    </row>
    <row r="215" spans="1:9" x14ac:dyDescent="0.2">
      <c r="A215" s="19">
        <v>213</v>
      </c>
      <c r="B215" s="5" t="s">
        <v>72</v>
      </c>
      <c r="C215" s="6" t="s">
        <v>9</v>
      </c>
      <c r="D215" s="6"/>
      <c r="E215" s="5" t="s">
        <v>78</v>
      </c>
      <c r="F215" s="39" t="s">
        <v>614</v>
      </c>
      <c r="G215" s="8" t="s">
        <v>79</v>
      </c>
      <c r="H215" s="6" t="s">
        <v>75</v>
      </c>
      <c r="I215" s="23"/>
    </row>
    <row r="216" spans="1:9" x14ac:dyDescent="0.2">
      <c r="A216" s="19">
        <v>214</v>
      </c>
      <c r="B216" s="5" t="s">
        <v>72</v>
      </c>
      <c r="C216" s="6" t="s">
        <v>9</v>
      </c>
      <c r="D216" s="6"/>
      <c r="E216" s="5" t="s">
        <v>80</v>
      </c>
      <c r="F216" s="39" t="s">
        <v>246</v>
      </c>
      <c r="G216" s="8" t="s">
        <v>81</v>
      </c>
      <c r="H216" s="6" t="s">
        <v>75</v>
      </c>
      <c r="I216" s="23"/>
    </row>
    <row r="217" spans="1:9" x14ac:dyDescent="0.2">
      <c r="A217" s="19">
        <v>215</v>
      </c>
      <c r="B217" s="5" t="s">
        <v>72</v>
      </c>
      <c r="C217" s="6" t="s">
        <v>9</v>
      </c>
      <c r="D217" s="6"/>
      <c r="E217" s="5" t="s">
        <v>82</v>
      </c>
      <c r="F217" s="39" t="s">
        <v>247</v>
      </c>
      <c r="G217" s="8" t="s">
        <v>83</v>
      </c>
      <c r="H217" s="6" t="s">
        <v>75</v>
      </c>
      <c r="I217" s="23"/>
    </row>
    <row r="218" spans="1:9" x14ac:dyDescent="0.2">
      <c r="A218" s="19">
        <v>216</v>
      </c>
      <c r="B218" s="5" t="s">
        <v>72</v>
      </c>
      <c r="C218" s="6" t="s">
        <v>9</v>
      </c>
      <c r="D218" s="6"/>
      <c r="E218" s="5" t="s">
        <v>84</v>
      </c>
      <c r="F218" s="39" t="s">
        <v>248</v>
      </c>
      <c r="G218" s="8" t="s">
        <v>85</v>
      </c>
      <c r="H218" s="6" t="s">
        <v>9</v>
      </c>
      <c r="I218" s="23"/>
    </row>
    <row r="219" spans="1:9" x14ac:dyDescent="0.2">
      <c r="A219" s="19">
        <v>217</v>
      </c>
      <c r="B219" s="5" t="s">
        <v>72</v>
      </c>
      <c r="C219" s="6" t="s">
        <v>9</v>
      </c>
      <c r="D219" s="6"/>
      <c r="E219" s="5" t="s">
        <v>86</v>
      </c>
      <c r="F219" s="39" t="s">
        <v>249</v>
      </c>
      <c r="G219" s="8" t="s">
        <v>87</v>
      </c>
      <c r="H219" s="6" t="s">
        <v>75</v>
      </c>
      <c r="I219" s="23"/>
    </row>
    <row r="220" spans="1:9" x14ac:dyDescent="0.2">
      <c r="A220" s="19">
        <v>218</v>
      </c>
      <c r="B220" s="5" t="s">
        <v>72</v>
      </c>
      <c r="C220" s="6" t="s">
        <v>9</v>
      </c>
      <c r="D220" s="6"/>
      <c r="E220" s="5" t="s">
        <v>88</v>
      </c>
      <c r="F220" s="39" t="s">
        <v>250</v>
      </c>
      <c r="G220" s="8" t="s">
        <v>89</v>
      </c>
      <c r="H220" s="6" t="s">
        <v>75</v>
      </c>
      <c r="I220" s="23"/>
    </row>
    <row r="221" spans="1:9" x14ac:dyDescent="0.2">
      <c r="A221" s="19">
        <v>219</v>
      </c>
      <c r="B221" s="5" t="s">
        <v>72</v>
      </c>
      <c r="C221" s="6" t="s">
        <v>9</v>
      </c>
      <c r="D221" s="6"/>
      <c r="E221" s="5" t="s">
        <v>1262</v>
      </c>
      <c r="F221" s="39" t="s">
        <v>90</v>
      </c>
      <c r="G221" s="8" t="s">
        <v>91</v>
      </c>
      <c r="H221" s="6" t="s">
        <v>92</v>
      </c>
      <c r="I221" s="23"/>
    </row>
    <row r="222" spans="1:9" x14ac:dyDescent="0.2">
      <c r="A222" s="19">
        <v>220</v>
      </c>
      <c r="B222" s="20" t="s">
        <v>72</v>
      </c>
      <c r="C222" s="51" t="s">
        <v>1105</v>
      </c>
      <c r="D222" s="21"/>
      <c r="E222" s="20" t="s">
        <v>1358</v>
      </c>
      <c r="F222" s="20" t="s">
        <v>93</v>
      </c>
      <c r="G222" s="20" t="s">
        <v>1359</v>
      </c>
      <c r="H222" s="21" t="s">
        <v>92</v>
      </c>
      <c r="I222" s="52"/>
    </row>
    <row r="223" spans="1:9" x14ac:dyDescent="0.2">
      <c r="A223" s="19">
        <v>221</v>
      </c>
      <c r="B223" s="13" t="s">
        <v>72</v>
      </c>
      <c r="C223" s="14" t="s">
        <v>9</v>
      </c>
      <c r="D223" s="14"/>
      <c r="E223" s="13" t="s">
        <v>94</v>
      </c>
      <c r="F223" s="40" t="s">
        <v>95</v>
      </c>
      <c r="G223" s="15" t="s">
        <v>96</v>
      </c>
      <c r="H223" s="14" t="s">
        <v>18</v>
      </c>
      <c r="I223" s="23"/>
    </row>
    <row r="224" spans="1:9" s="2" customFormat="1" x14ac:dyDescent="0.2">
      <c r="A224" s="19">
        <v>222</v>
      </c>
      <c r="B224" s="13" t="s">
        <v>72</v>
      </c>
      <c r="C224" s="14" t="s">
        <v>1225</v>
      </c>
      <c r="D224" s="14"/>
      <c r="E224" s="13" t="s">
        <v>97</v>
      </c>
      <c r="F224" s="40" t="s">
        <v>637</v>
      </c>
      <c r="G224" s="15" t="s">
        <v>98</v>
      </c>
      <c r="H224" s="14" t="s">
        <v>18</v>
      </c>
      <c r="I224" s="23"/>
    </row>
    <row r="225" spans="1:9" s="2" customFormat="1" x14ac:dyDescent="0.2">
      <c r="A225" s="19">
        <v>223</v>
      </c>
      <c r="B225" s="5" t="s">
        <v>72</v>
      </c>
      <c r="C225" s="6"/>
      <c r="D225" s="6" t="s">
        <v>9</v>
      </c>
      <c r="E225" s="5" t="s">
        <v>99</v>
      </c>
      <c r="F225" s="39" t="s">
        <v>100</v>
      </c>
      <c r="G225" s="8" t="s">
        <v>101</v>
      </c>
      <c r="H225" s="6" t="s">
        <v>92</v>
      </c>
      <c r="I225" s="23"/>
    </row>
    <row r="226" spans="1:9" s="2" customFormat="1" x14ac:dyDescent="0.2">
      <c r="A226" s="19">
        <v>224</v>
      </c>
      <c r="B226" s="5" t="s">
        <v>72</v>
      </c>
      <c r="C226" s="6"/>
      <c r="D226" s="6" t="s">
        <v>9</v>
      </c>
      <c r="E226" s="5" t="s">
        <v>102</v>
      </c>
      <c r="F226" s="39" t="s">
        <v>103</v>
      </c>
      <c r="G226" s="8" t="s">
        <v>104</v>
      </c>
      <c r="H226" s="6" t="s">
        <v>92</v>
      </c>
      <c r="I226" s="23"/>
    </row>
    <row r="227" spans="1:9" s="2" customFormat="1" x14ac:dyDescent="0.2">
      <c r="A227" s="19">
        <v>225</v>
      </c>
      <c r="B227" s="13" t="s">
        <v>72</v>
      </c>
      <c r="C227" s="14" t="s">
        <v>9</v>
      </c>
      <c r="D227" s="14"/>
      <c r="E227" s="13" t="s">
        <v>1263</v>
      </c>
      <c r="F227" s="40" t="s">
        <v>105</v>
      </c>
      <c r="G227" s="15" t="s">
        <v>106</v>
      </c>
      <c r="H227" s="14" t="s">
        <v>18</v>
      </c>
      <c r="I227" s="23"/>
    </row>
    <row r="228" spans="1:9" s="2" customFormat="1" x14ac:dyDescent="0.2">
      <c r="A228" s="19">
        <v>226</v>
      </c>
      <c r="B228" s="5" t="s">
        <v>72</v>
      </c>
      <c r="C228" s="6"/>
      <c r="D228" s="6" t="s">
        <v>9</v>
      </c>
      <c r="E228" s="5" t="s">
        <v>107</v>
      </c>
      <c r="F228" s="39" t="s">
        <v>638</v>
      </c>
      <c r="G228" s="8" t="s">
        <v>108</v>
      </c>
      <c r="H228" s="6" t="s">
        <v>92</v>
      </c>
      <c r="I228" s="23"/>
    </row>
    <row r="229" spans="1:9" s="2" customFormat="1" x14ac:dyDescent="0.2">
      <c r="A229" s="19">
        <v>227</v>
      </c>
      <c r="B229" s="13" t="s">
        <v>72</v>
      </c>
      <c r="C229" s="14"/>
      <c r="D229" s="6" t="s">
        <v>9</v>
      </c>
      <c r="E229" s="13" t="s">
        <v>109</v>
      </c>
      <c r="F229" s="40" t="s">
        <v>110</v>
      </c>
      <c r="G229" s="15" t="s">
        <v>111</v>
      </c>
      <c r="H229" s="14" t="s">
        <v>18</v>
      </c>
      <c r="I229" s="23"/>
    </row>
    <row r="230" spans="1:9" s="2" customFormat="1" x14ac:dyDescent="0.2">
      <c r="A230" s="19">
        <v>228</v>
      </c>
      <c r="B230" s="13" t="s">
        <v>72</v>
      </c>
      <c r="C230" s="14"/>
      <c r="D230" s="6" t="s">
        <v>9</v>
      </c>
      <c r="E230" s="13" t="s">
        <v>112</v>
      </c>
      <c r="F230" s="40" t="s">
        <v>113</v>
      </c>
      <c r="G230" s="15" t="s">
        <v>114</v>
      </c>
      <c r="H230" s="14" t="s">
        <v>18</v>
      </c>
      <c r="I230" s="23"/>
    </row>
    <row r="231" spans="1:9" s="2" customFormat="1" x14ac:dyDescent="0.2">
      <c r="A231" s="19">
        <v>229</v>
      </c>
      <c r="B231" s="5" t="s">
        <v>72</v>
      </c>
      <c r="C231" s="6"/>
      <c r="D231" s="6" t="s">
        <v>9</v>
      </c>
      <c r="E231" s="5" t="s">
        <v>115</v>
      </c>
      <c r="F231" s="39" t="s">
        <v>639</v>
      </c>
      <c r="G231" s="8" t="s">
        <v>116</v>
      </c>
      <c r="H231" s="6" t="s">
        <v>92</v>
      </c>
      <c r="I231" s="23"/>
    </row>
    <row r="232" spans="1:9" s="2" customFormat="1" x14ac:dyDescent="0.2">
      <c r="A232" s="19">
        <v>230</v>
      </c>
      <c r="B232" s="13" t="s">
        <v>72</v>
      </c>
      <c r="C232" s="14"/>
      <c r="D232" s="6" t="s">
        <v>9</v>
      </c>
      <c r="E232" s="13" t="s">
        <v>117</v>
      </c>
      <c r="F232" s="40" t="s">
        <v>118</v>
      </c>
      <c r="G232" s="15" t="s">
        <v>119</v>
      </c>
      <c r="H232" s="14" t="s">
        <v>1226</v>
      </c>
      <c r="I232" s="27"/>
    </row>
    <row r="233" spans="1:9" s="2" customFormat="1" x14ac:dyDescent="0.2">
      <c r="A233" s="19">
        <v>231</v>
      </c>
      <c r="B233" s="13" t="s">
        <v>72</v>
      </c>
      <c r="C233" s="14"/>
      <c r="D233" s="6" t="s">
        <v>9</v>
      </c>
      <c r="E233" s="13" t="s">
        <v>120</v>
      </c>
      <c r="F233" s="40" t="s">
        <v>121</v>
      </c>
      <c r="G233" s="15" t="s">
        <v>1186</v>
      </c>
      <c r="H233" s="14" t="s">
        <v>18</v>
      </c>
      <c r="I233" s="27"/>
    </row>
    <row r="234" spans="1:9" s="2" customFormat="1" x14ac:dyDescent="0.2">
      <c r="A234" s="19">
        <v>232</v>
      </c>
      <c r="B234" s="13" t="s">
        <v>72</v>
      </c>
      <c r="C234" s="14"/>
      <c r="D234" s="6" t="s">
        <v>9</v>
      </c>
      <c r="E234" s="13" t="s">
        <v>122</v>
      </c>
      <c r="F234" s="40" t="s">
        <v>123</v>
      </c>
      <c r="G234" s="15" t="s">
        <v>124</v>
      </c>
      <c r="H234" s="14" t="s">
        <v>18</v>
      </c>
      <c r="I234" s="27"/>
    </row>
    <row r="235" spans="1:9" s="2" customFormat="1" x14ac:dyDescent="0.2">
      <c r="A235" s="19">
        <v>233</v>
      </c>
      <c r="B235" s="5" t="s">
        <v>72</v>
      </c>
      <c r="C235" s="6" t="s">
        <v>9</v>
      </c>
      <c r="D235" s="6"/>
      <c r="E235" s="5" t="s">
        <v>125</v>
      </c>
      <c r="F235" s="39" t="s">
        <v>615</v>
      </c>
      <c r="G235" s="8" t="s">
        <v>126</v>
      </c>
      <c r="H235" s="6" t="s">
        <v>92</v>
      </c>
      <c r="I235" s="24"/>
    </row>
    <row r="236" spans="1:9" s="2" customFormat="1" x14ac:dyDescent="0.2">
      <c r="A236" s="19">
        <v>234</v>
      </c>
      <c r="B236" s="5" t="s">
        <v>736</v>
      </c>
      <c r="C236" s="6" t="s">
        <v>9</v>
      </c>
      <c r="D236" s="6"/>
      <c r="E236" s="5" t="s">
        <v>737</v>
      </c>
      <c r="F236" s="39" t="s">
        <v>738</v>
      </c>
      <c r="G236" s="5" t="s">
        <v>739</v>
      </c>
      <c r="H236" s="6" t="s">
        <v>9</v>
      </c>
      <c r="I236" s="24"/>
    </row>
    <row r="237" spans="1:9" s="2" customFormat="1" x14ac:dyDescent="0.2">
      <c r="A237" s="19">
        <v>235</v>
      </c>
      <c r="B237" s="5" t="s">
        <v>736</v>
      </c>
      <c r="C237" s="6" t="s">
        <v>9</v>
      </c>
      <c r="D237" s="6"/>
      <c r="E237" s="5" t="s">
        <v>740</v>
      </c>
      <c r="F237" s="39" t="s">
        <v>741</v>
      </c>
      <c r="G237" s="5" t="s">
        <v>742</v>
      </c>
      <c r="H237" s="6" t="s">
        <v>9</v>
      </c>
      <c r="I237" s="23"/>
    </row>
    <row r="238" spans="1:9" s="2" customFormat="1" x14ac:dyDescent="0.2">
      <c r="A238" s="19">
        <v>236</v>
      </c>
      <c r="B238" s="5" t="s">
        <v>736</v>
      </c>
      <c r="C238" s="6" t="s">
        <v>9</v>
      </c>
      <c r="D238" s="6"/>
      <c r="E238" s="5" t="s">
        <v>743</v>
      </c>
      <c r="F238" s="39" t="s">
        <v>744</v>
      </c>
      <c r="G238" s="5" t="s">
        <v>745</v>
      </c>
      <c r="H238" s="6" t="s">
        <v>9</v>
      </c>
      <c r="I238" s="27"/>
    </row>
    <row r="239" spans="1:9" s="2" customFormat="1" x14ac:dyDescent="0.2">
      <c r="A239" s="19">
        <v>237</v>
      </c>
      <c r="B239" s="5" t="s">
        <v>736</v>
      </c>
      <c r="C239" s="6" t="s">
        <v>9</v>
      </c>
      <c r="D239" s="6"/>
      <c r="E239" s="5" t="s">
        <v>746</v>
      </c>
      <c r="F239" s="39" t="s">
        <v>747</v>
      </c>
      <c r="G239" s="5" t="s">
        <v>1227</v>
      </c>
      <c r="H239" s="6" t="s">
        <v>9</v>
      </c>
      <c r="I239" s="27"/>
    </row>
    <row r="240" spans="1:9" s="2" customFormat="1" x14ac:dyDescent="0.2">
      <c r="A240" s="19">
        <v>238</v>
      </c>
      <c r="B240" s="5" t="s">
        <v>736</v>
      </c>
      <c r="C240" s="6"/>
      <c r="D240" s="6" t="s">
        <v>9</v>
      </c>
      <c r="E240" s="5" t="s">
        <v>749</v>
      </c>
      <c r="F240" s="39" t="s">
        <v>750</v>
      </c>
      <c r="G240" s="5" t="s">
        <v>751</v>
      </c>
      <c r="H240" s="6" t="s">
        <v>9</v>
      </c>
      <c r="I240" s="23"/>
    </row>
    <row r="241" spans="1:9" s="2" customFormat="1" x14ac:dyDescent="0.2">
      <c r="A241" s="19">
        <v>239</v>
      </c>
      <c r="B241" s="5" t="s">
        <v>736</v>
      </c>
      <c r="C241" s="6" t="s">
        <v>9</v>
      </c>
      <c r="D241" s="6"/>
      <c r="E241" s="5" t="s">
        <v>752</v>
      </c>
      <c r="F241" s="39" t="s">
        <v>753</v>
      </c>
      <c r="G241" s="5" t="s">
        <v>754</v>
      </c>
      <c r="H241" s="6" t="s">
        <v>18</v>
      </c>
      <c r="I241" s="23"/>
    </row>
    <row r="242" spans="1:9" s="2" customFormat="1" x14ac:dyDescent="0.2">
      <c r="A242" s="19">
        <v>240</v>
      </c>
      <c r="B242" s="5" t="s">
        <v>736</v>
      </c>
      <c r="C242" s="6"/>
      <c r="D242" s="6" t="s">
        <v>9</v>
      </c>
      <c r="E242" s="5" t="s">
        <v>755</v>
      </c>
      <c r="F242" s="39" t="s">
        <v>756</v>
      </c>
      <c r="G242" s="5" t="s">
        <v>757</v>
      </c>
      <c r="H242" s="6" t="s">
        <v>9</v>
      </c>
      <c r="I242" s="23"/>
    </row>
    <row r="243" spans="1:9" s="2" customFormat="1" x14ac:dyDescent="0.2">
      <c r="A243" s="19">
        <v>241</v>
      </c>
      <c r="B243" s="5" t="s">
        <v>736</v>
      </c>
      <c r="C243" s="6" t="s">
        <v>9</v>
      </c>
      <c r="D243" s="6"/>
      <c r="E243" s="5" t="s">
        <v>758</v>
      </c>
      <c r="F243" s="39" t="s">
        <v>759</v>
      </c>
      <c r="G243" s="5" t="s">
        <v>760</v>
      </c>
      <c r="H243" s="6" t="s">
        <v>761</v>
      </c>
      <c r="I243" s="27"/>
    </row>
    <row r="244" spans="1:9" s="2" customFormat="1" x14ac:dyDescent="0.2">
      <c r="A244" s="19">
        <v>242</v>
      </c>
      <c r="B244" s="5" t="s">
        <v>736</v>
      </c>
      <c r="C244" s="6"/>
      <c r="D244" s="6" t="s">
        <v>9</v>
      </c>
      <c r="E244" s="5" t="s">
        <v>762</v>
      </c>
      <c r="F244" s="39" t="s">
        <v>763</v>
      </c>
      <c r="G244" s="5" t="s">
        <v>764</v>
      </c>
      <c r="H244" s="6" t="s">
        <v>9</v>
      </c>
      <c r="I244" s="23"/>
    </row>
    <row r="245" spans="1:9" s="2" customFormat="1" x14ac:dyDescent="0.2">
      <c r="A245" s="19">
        <v>243</v>
      </c>
      <c r="B245" s="5" t="s">
        <v>736</v>
      </c>
      <c r="C245" s="6" t="s">
        <v>9</v>
      </c>
      <c r="D245" s="6"/>
      <c r="E245" s="5" t="s">
        <v>765</v>
      </c>
      <c r="F245" s="39" t="s">
        <v>766</v>
      </c>
      <c r="G245" s="5" t="s">
        <v>767</v>
      </c>
      <c r="H245" s="6" t="s">
        <v>9</v>
      </c>
      <c r="I245" s="23"/>
    </row>
    <row r="246" spans="1:9" s="2" customFormat="1" x14ac:dyDescent="0.2">
      <c r="A246" s="19">
        <v>244</v>
      </c>
      <c r="B246" s="5" t="s">
        <v>736</v>
      </c>
      <c r="C246" s="6" t="s">
        <v>1228</v>
      </c>
      <c r="D246" s="6"/>
      <c r="E246" s="5" t="s">
        <v>768</v>
      </c>
      <c r="F246" s="39" t="s">
        <v>769</v>
      </c>
      <c r="G246" s="5" t="s">
        <v>770</v>
      </c>
      <c r="H246" s="6" t="s">
        <v>75</v>
      </c>
      <c r="I246" s="27"/>
    </row>
    <row r="247" spans="1:9" s="2" customFormat="1" x14ac:dyDescent="0.2">
      <c r="A247" s="19">
        <v>245</v>
      </c>
      <c r="B247" s="5" t="s">
        <v>736</v>
      </c>
      <c r="C247" s="6" t="s">
        <v>9</v>
      </c>
      <c r="D247" s="6"/>
      <c r="E247" s="5" t="s">
        <v>771</v>
      </c>
      <c r="F247" s="39" t="s">
        <v>772</v>
      </c>
      <c r="G247" s="5" t="s">
        <v>773</v>
      </c>
      <c r="H247" s="6" t="s">
        <v>9</v>
      </c>
      <c r="I247" s="27"/>
    </row>
    <row r="248" spans="1:9" s="2" customFormat="1" x14ac:dyDescent="0.2">
      <c r="A248" s="19">
        <v>246</v>
      </c>
      <c r="B248" s="5" t="s">
        <v>736</v>
      </c>
      <c r="C248" s="6"/>
      <c r="D248" s="6" t="s">
        <v>9</v>
      </c>
      <c r="E248" s="5" t="s">
        <v>774</v>
      </c>
      <c r="F248" s="39" t="s">
        <v>775</v>
      </c>
      <c r="G248" s="5" t="s">
        <v>776</v>
      </c>
      <c r="H248" s="6" t="s">
        <v>748</v>
      </c>
      <c r="I248" s="23"/>
    </row>
    <row r="249" spans="1:9" s="2" customFormat="1" x14ac:dyDescent="0.2">
      <c r="A249" s="19">
        <v>247</v>
      </c>
      <c r="B249" s="5" t="s">
        <v>736</v>
      </c>
      <c r="C249" s="6"/>
      <c r="D249" s="6" t="s">
        <v>9</v>
      </c>
      <c r="E249" s="5" t="s">
        <v>777</v>
      </c>
      <c r="F249" s="39" t="s">
        <v>778</v>
      </c>
      <c r="G249" s="5" t="s">
        <v>779</v>
      </c>
      <c r="H249" s="6" t="s">
        <v>748</v>
      </c>
      <c r="I249" s="23"/>
    </row>
    <row r="250" spans="1:9" s="2" customFormat="1" x14ac:dyDescent="0.2">
      <c r="A250" s="19">
        <v>248</v>
      </c>
      <c r="B250" s="5" t="s">
        <v>736</v>
      </c>
      <c r="C250" s="6" t="s">
        <v>9</v>
      </c>
      <c r="D250" s="6"/>
      <c r="E250" s="5" t="s">
        <v>780</v>
      </c>
      <c r="F250" s="39" t="s">
        <v>781</v>
      </c>
      <c r="G250" s="5" t="s">
        <v>782</v>
      </c>
      <c r="H250" s="6" t="s">
        <v>9</v>
      </c>
      <c r="I250" s="27"/>
    </row>
    <row r="251" spans="1:9" x14ac:dyDescent="0.2">
      <c r="A251" s="19">
        <v>249</v>
      </c>
      <c r="B251" s="5" t="s">
        <v>736</v>
      </c>
      <c r="C251" s="6" t="s">
        <v>9</v>
      </c>
      <c r="D251" s="6"/>
      <c r="E251" s="5" t="s">
        <v>783</v>
      </c>
      <c r="F251" s="39" t="s">
        <v>1046</v>
      </c>
      <c r="G251" s="5" t="s">
        <v>784</v>
      </c>
      <c r="H251" s="6" t="s">
        <v>75</v>
      </c>
      <c r="I251" s="23"/>
    </row>
    <row r="252" spans="1:9" x14ac:dyDescent="0.2">
      <c r="A252" s="19">
        <v>250</v>
      </c>
      <c r="B252" s="5" t="s">
        <v>736</v>
      </c>
      <c r="C252" s="6" t="s">
        <v>9</v>
      </c>
      <c r="D252" s="6"/>
      <c r="E252" s="5" t="s">
        <v>785</v>
      </c>
      <c r="F252" s="39" t="s">
        <v>1047</v>
      </c>
      <c r="G252" s="5" t="s">
        <v>786</v>
      </c>
      <c r="H252" s="6" t="s">
        <v>75</v>
      </c>
      <c r="I252" s="24"/>
    </row>
    <row r="253" spans="1:9" x14ac:dyDescent="0.2">
      <c r="A253" s="19">
        <v>251</v>
      </c>
      <c r="B253" s="5" t="s">
        <v>736</v>
      </c>
      <c r="C253" s="6" t="s">
        <v>9</v>
      </c>
      <c r="D253" s="6"/>
      <c r="E253" s="5" t="s">
        <v>787</v>
      </c>
      <c r="F253" s="39" t="s">
        <v>1048</v>
      </c>
      <c r="G253" s="5" t="s">
        <v>788</v>
      </c>
      <c r="H253" s="6" t="s">
        <v>75</v>
      </c>
      <c r="I253" s="24"/>
    </row>
    <row r="254" spans="1:9" x14ac:dyDescent="0.2">
      <c r="A254" s="19">
        <v>252</v>
      </c>
      <c r="B254" s="5" t="s">
        <v>736</v>
      </c>
      <c r="C254" s="6" t="s">
        <v>9</v>
      </c>
      <c r="D254" s="6"/>
      <c r="E254" s="5" t="s">
        <v>789</v>
      </c>
      <c r="F254" s="39" t="s">
        <v>1049</v>
      </c>
      <c r="G254" s="5" t="s">
        <v>790</v>
      </c>
      <c r="H254" s="6" t="s">
        <v>748</v>
      </c>
      <c r="I254" s="24"/>
    </row>
    <row r="255" spans="1:9" x14ac:dyDescent="0.2">
      <c r="A255" s="19">
        <v>253</v>
      </c>
      <c r="B255" s="5" t="s">
        <v>736</v>
      </c>
      <c r="C255" s="6" t="s">
        <v>9</v>
      </c>
      <c r="D255" s="6"/>
      <c r="E255" s="5" t="s">
        <v>791</v>
      </c>
      <c r="F255" s="39" t="s">
        <v>1050</v>
      </c>
      <c r="G255" s="5" t="s">
        <v>792</v>
      </c>
      <c r="H255" s="6" t="s">
        <v>75</v>
      </c>
      <c r="I255" s="24"/>
    </row>
    <row r="256" spans="1:9" s="3" customFormat="1" x14ac:dyDescent="0.2">
      <c r="A256" s="19">
        <v>254</v>
      </c>
      <c r="B256" s="5" t="s">
        <v>1229</v>
      </c>
      <c r="C256" s="6" t="s">
        <v>9</v>
      </c>
      <c r="D256" s="6"/>
      <c r="E256" s="5" t="s">
        <v>1230</v>
      </c>
      <c r="F256" s="39" t="s">
        <v>1231</v>
      </c>
      <c r="G256" s="8" t="s">
        <v>1232</v>
      </c>
      <c r="H256" s="6" t="s">
        <v>9</v>
      </c>
      <c r="I256" s="23"/>
    </row>
    <row r="257" spans="1:9" x14ac:dyDescent="0.2">
      <c r="A257" s="19">
        <v>255</v>
      </c>
      <c r="B257" s="8" t="s">
        <v>650</v>
      </c>
      <c r="C257" s="6"/>
      <c r="D257" s="6" t="s">
        <v>9</v>
      </c>
      <c r="E257" s="10" t="s">
        <v>651</v>
      </c>
      <c r="F257" s="10" t="s">
        <v>1051</v>
      </c>
      <c r="G257" s="8" t="s">
        <v>684</v>
      </c>
      <c r="H257" s="6" t="s">
        <v>685</v>
      </c>
      <c r="I257" s="28"/>
    </row>
    <row r="258" spans="1:9" x14ac:dyDescent="0.2">
      <c r="A258" s="19">
        <v>256</v>
      </c>
      <c r="B258" s="8" t="s">
        <v>650</v>
      </c>
      <c r="C258" s="6"/>
      <c r="D258" s="6" t="s">
        <v>9</v>
      </c>
      <c r="E258" s="10" t="s">
        <v>653</v>
      </c>
      <c r="F258" s="10" t="s">
        <v>1052</v>
      </c>
      <c r="G258" s="8" t="s">
        <v>686</v>
      </c>
      <c r="H258" s="6" t="s">
        <v>685</v>
      </c>
      <c r="I258" s="28"/>
    </row>
    <row r="259" spans="1:9" x14ac:dyDescent="0.2">
      <c r="A259" s="19">
        <v>257</v>
      </c>
      <c r="B259" s="8" t="s">
        <v>650</v>
      </c>
      <c r="C259" s="6" t="s">
        <v>9</v>
      </c>
      <c r="D259" s="6"/>
      <c r="E259" s="10" t="s">
        <v>654</v>
      </c>
      <c r="F259" s="10" t="s">
        <v>1053</v>
      </c>
      <c r="G259" s="8" t="s">
        <v>687</v>
      </c>
      <c r="H259" s="6" t="s">
        <v>685</v>
      </c>
      <c r="I259" s="28"/>
    </row>
    <row r="260" spans="1:9" x14ac:dyDescent="0.2">
      <c r="A260" s="19">
        <v>258</v>
      </c>
      <c r="B260" s="5" t="s">
        <v>1264</v>
      </c>
      <c r="C260" s="6"/>
      <c r="D260" s="6" t="s">
        <v>9</v>
      </c>
      <c r="E260" s="5" t="s">
        <v>1268</v>
      </c>
      <c r="F260" s="39" t="s">
        <v>1269</v>
      </c>
      <c r="G260" s="5" t="s">
        <v>688</v>
      </c>
      <c r="H260" s="6" t="s">
        <v>18</v>
      </c>
      <c r="I260" s="24"/>
    </row>
    <row r="261" spans="1:9" x14ac:dyDescent="0.2">
      <c r="A261" s="19">
        <v>259</v>
      </c>
      <c r="B261" s="8" t="s">
        <v>650</v>
      </c>
      <c r="C261" s="6"/>
      <c r="D261" s="6" t="s">
        <v>9</v>
      </c>
      <c r="E261" s="10" t="s">
        <v>655</v>
      </c>
      <c r="F261" s="10" t="s">
        <v>1054</v>
      </c>
      <c r="G261" s="8" t="s">
        <v>689</v>
      </c>
      <c r="H261" s="6" t="s">
        <v>685</v>
      </c>
      <c r="I261" s="28"/>
    </row>
    <row r="262" spans="1:9" x14ac:dyDescent="0.2">
      <c r="A262" s="19">
        <v>260</v>
      </c>
      <c r="B262" s="8" t="s">
        <v>650</v>
      </c>
      <c r="C262" s="6"/>
      <c r="D262" s="6" t="s">
        <v>9</v>
      </c>
      <c r="E262" s="10" t="s">
        <v>656</v>
      </c>
      <c r="F262" s="10" t="s">
        <v>1055</v>
      </c>
      <c r="G262" s="8" t="s">
        <v>690</v>
      </c>
      <c r="H262" s="6" t="s">
        <v>9</v>
      </c>
      <c r="I262" s="28"/>
    </row>
    <row r="263" spans="1:9" x14ac:dyDescent="0.2">
      <c r="A263" s="19">
        <v>261</v>
      </c>
      <c r="B263" s="8" t="s">
        <v>650</v>
      </c>
      <c r="C263" s="6"/>
      <c r="D263" s="6" t="s">
        <v>9</v>
      </c>
      <c r="E263" s="10" t="s">
        <v>657</v>
      </c>
      <c r="F263" s="10" t="s">
        <v>1056</v>
      </c>
      <c r="G263" s="8" t="s">
        <v>691</v>
      </c>
      <c r="H263" s="6" t="s">
        <v>685</v>
      </c>
      <c r="I263" s="28"/>
    </row>
    <row r="264" spans="1:9" x14ac:dyDescent="0.2">
      <c r="A264" s="19">
        <v>262</v>
      </c>
      <c r="B264" s="5" t="s">
        <v>1264</v>
      </c>
      <c r="C264" s="6"/>
      <c r="D264" s="6" t="s">
        <v>9</v>
      </c>
      <c r="E264" s="5" t="s">
        <v>1270</v>
      </c>
      <c r="F264" s="39" t="s">
        <v>1271</v>
      </c>
      <c r="G264" s="5" t="s">
        <v>1272</v>
      </c>
      <c r="H264" s="6" t="s">
        <v>9</v>
      </c>
      <c r="I264" s="24"/>
    </row>
    <row r="265" spans="1:9" x14ac:dyDescent="0.2">
      <c r="A265" s="19">
        <v>263</v>
      </c>
      <c r="B265" s="8" t="s">
        <v>650</v>
      </c>
      <c r="C265" s="6"/>
      <c r="D265" s="6" t="s">
        <v>9</v>
      </c>
      <c r="E265" s="10" t="s">
        <v>658</v>
      </c>
      <c r="F265" s="10" t="s">
        <v>1057</v>
      </c>
      <c r="G265" s="8" t="s">
        <v>692</v>
      </c>
      <c r="H265" s="6" t="s">
        <v>685</v>
      </c>
      <c r="I265" s="29"/>
    </row>
    <row r="266" spans="1:9" x14ac:dyDescent="0.2">
      <c r="A266" s="19">
        <v>264</v>
      </c>
      <c r="B266" s="8" t="s">
        <v>650</v>
      </c>
      <c r="C266" s="6"/>
      <c r="D266" s="6" t="s">
        <v>9</v>
      </c>
      <c r="E266" s="10" t="s">
        <v>659</v>
      </c>
      <c r="F266" s="10" t="s">
        <v>1058</v>
      </c>
      <c r="G266" s="8" t="s">
        <v>693</v>
      </c>
      <c r="H266" s="6" t="s">
        <v>685</v>
      </c>
      <c r="I266" s="29"/>
    </row>
    <row r="267" spans="1:9" x14ac:dyDescent="0.2">
      <c r="A267" s="19">
        <v>265</v>
      </c>
      <c r="B267" s="5" t="s">
        <v>1264</v>
      </c>
      <c r="C267" s="6"/>
      <c r="D267" s="6" t="s">
        <v>9</v>
      </c>
      <c r="E267" s="5" t="s">
        <v>1273</v>
      </c>
      <c r="F267" s="39" t="s">
        <v>1274</v>
      </c>
      <c r="G267" s="5" t="s">
        <v>1275</v>
      </c>
      <c r="H267" s="6" t="s">
        <v>18</v>
      </c>
      <c r="I267" s="24"/>
    </row>
    <row r="268" spans="1:9" x14ac:dyDescent="0.2">
      <c r="A268" s="19">
        <v>266</v>
      </c>
      <c r="B268" s="8" t="s">
        <v>650</v>
      </c>
      <c r="C268" s="6"/>
      <c r="D268" s="6" t="s">
        <v>9</v>
      </c>
      <c r="E268" s="10" t="s">
        <v>660</v>
      </c>
      <c r="F268" s="10" t="s">
        <v>1059</v>
      </c>
      <c r="G268" s="8" t="s">
        <v>661</v>
      </c>
      <c r="H268" s="6" t="s">
        <v>685</v>
      </c>
      <c r="I268" s="29"/>
    </row>
    <row r="269" spans="1:9" x14ac:dyDescent="0.2">
      <c r="A269" s="19">
        <v>267</v>
      </c>
      <c r="B269" s="8" t="s">
        <v>650</v>
      </c>
      <c r="C269" s="6"/>
      <c r="D269" s="6" t="s">
        <v>9</v>
      </c>
      <c r="E269" s="10" t="s">
        <v>662</v>
      </c>
      <c r="F269" s="10" t="s">
        <v>1060</v>
      </c>
      <c r="G269" s="8" t="s">
        <v>694</v>
      </c>
      <c r="H269" s="6" t="s">
        <v>652</v>
      </c>
      <c r="I269" s="29"/>
    </row>
    <row r="270" spans="1:9" x14ac:dyDescent="0.2">
      <c r="A270" s="19">
        <v>268</v>
      </c>
      <c r="B270" s="8" t="s">
        <v>650</v>
      </c>
      <c r="C270" s="6"/>
      <c r="D270" s="6" t="s">
        <v>9</v>
      </c>
      <c r="E270" s="10" t="s">
        <v>663</v>
      </c>
      <c r="F270" s="10" t="s">
        <v>1061</v>
      </c>
      <c r="G270" s="8" t="s">
        <v>695</v>
      </c>
      <c r="H270" s="6" t="s">
        <v>1233</v>
      </c>
      <c r="I270" s="27"/>
    </row>
    <row r="271" spans="1:9" x14ac:dyDescent="0.2">
      <c r="A271" s="19">
        <v>269</v>
      </c>
      <c r="B271" s="8" t="s">
        <v>650</v>
      </c>
      <c r="C271" s="6"/>
      <c r="D271" s="6" t="s">
        <v>9</v>
      </c>
      <c r="E271" s="10" t="s">
        <v>664</v>
      </c>
      <c r="F271" s="10" t="s">
        <v>1062</v>
      </c>
      <c r="G271" s="8" t="s">
        <v>696</v>
      </c>
      <c r="H271" s="6" t="s">
        <v>652</v>
      </c>
      <c r="I271" s="29"/>
    </row>
    <row r="272" spans="1:9" x14ac:dyDescent="0.2">
      <c r="A272" s="19">
        <v>270</v>
      </c>
      <c r="B272" s="8" t="s">
        <v>650</v>
      </c>
      <c r="C272" s="6"/>
      <c r="D272" s="6" t="s">
        <v>9</v>
      </c>
      <c r="E272" s="10" t="s">
        <v>665</v>
      </c>
      <c r="F272" s="10" t="s">
        <v>1063</v>
      </c>
      <c r="G272" s="8" t="s">
        <v>697</v>
      </c>
      <c r="H272" s="6" t="s">
        <v>9</v>
      </c>
      <c r="I272" s="28"/>
    </row>
    <row r="273" spans="1:9" x14ac:dyDescent="0.2">
      <c r="A273" s="19">
        <v>271</v>
      </c>
      <c r="B273" s="5" t="s">
        <v>1264</v>
      </c>
      <c r="C273" s="6"/>
      <c r="D273" s="6" t="s">
        <v>9</v>
      </c>
      <c r="E273" s="5" t="s">
        <v>1276</v>
      </c>
      <c r="F273" s="39" t="s">
        <v>1277</v>
      </c>
      <c r="G273" s="5" t="s">
        <v>1278</v>
      </c>
      <c r="H273" s="6" t="s">
        <v>18</v>
      </c>
      <c r="I273" s="24"/>
    </row>
    <row r="274" spans="1:9" x14ac:dyDescent="0.2">
      <c r="A274" s="19">
        <v>272</v>
      </c>
      <c r="B274" s="5" t="s">
        <v>1264</v>
      </c>
      <c r="C274" s="6"/>
      <c r="D274" s="6" t="s">
        <v>9</v>
      </c>
      <c r="E274" s="5" t="s">
        <v>1279</v>
      </c>
      <c r="F274" s="39" t="s">
        <v>1280</v>
      </c>
      <c r="G274" s="5" t="s">
        <v>1281</v>
      </c>
      <c r="H274" s="6" t="s">
        <v>18</v>
      </c>
      <c r="I274" s="24"/>
    </row>
    <row r="275" spans="1:9" x14ac:dyDescent="0.2">
      <c r="A275" s="19">
        <v>273</v>
      </c>
      <c r="B275" s="5" t="s">
        <v>1264</v>
      </c>
      <c r="C275" s="6" t="s">
        <v>9</v>
      </c>
      <c r="D275" s="6"/>
      <c r="E275" s="5" t="s">
        <v>1265</v>
      </c>
      <c r="F275" s="39" t="s">
        <v>1266</v>
      </c>
      <c r="G275" s="5" t="s">
        <v>1267</v>
      </c>
      <c r="H275" s="6" t="s">
        <v>652</v>
      </c>
      <c r="I275" s="25"/>
    </row>
    <row r="276" spans="1:9" x14ac:dyDescent="0.2">
      <c r="A276" s="19">
        <v>274</v>
      </c>
      <c r="B276" s="8" t="s">
        <v>650</v>
      </c>
      <c r="C276" s="6"/>
      <c r="D276" s="6" t="s">
        <v>9</v>
      </c>
      <c r="E276" s="10" t="s">
        <v>666</v>
      </c>
      <c r="F276" s="10" t="s">
        <v>1064</v>
      </c>
      <c r="G276" s="8" t="s">
        <v>667</v>
      </c>
      <c r="H276" s="6" t="s">
        <v>685</v>
      </c>
      <c r="I276" s="28"/>
    </row>
    <row r="277" spans="1:9" x14ac:dyDescent="0.2">
      <c r="A277" s="19">
        <v>275</v>
      </c>
      <c r="B277" s="8" t="s">
        <v>650</v>
      </c>
      <c r="C277" s="6"/>
      <c r="D277" s="6" t="s">
        <v>9</v>
      </c>
      <c r="E277" s="10" t="s">
        <v>668</v>
      </c>
      <c r="F277" s="10" t="s">
        <v>1065</v>
      </c>
      <c r="G277" s="8" t="s">
        <v>669</v>
      </c>
      <c r="H277" s="6" t="s">
        <v>685</v>
      </c>
      <c r="I277" s="28"/>
    </row>
    <row r="278" spans="1:9" x14ac:dyDescent="0.2">
      <c r="A278" s="19">
        <v>276</v>
      </c>
      <c r="B278" s="8" t="s">
        <v>650</v>
      </c>
      <c r="C278" s="6"/>
      <c r="D278" s="6" t="s">
        <v>9</v>
      </c>
      <c r="E278" s="10" t="s">
        <v>670</v>
      </c>
      <c r="F278" s="10" t="s">
        <v>1234</v>
      </c>
      <c r="G278" s="8" t="s">
        <v>671</v>
      </c>
      <c r="H278" s="6" t="s">
        <v>685</v>
      </c>
      <c r="I278" s="27"/>
    </row>
    <row r="279" spans="1:9" x14ac:dyDescent="0.2">
      <c r="A279" s="19">
        <v>277</v>
      </c>
      <c r="B279" s="8" t="s">
        <v>650</v>
      </c>
      <c r="C279" s="6"/>
      <c r="D279" s="6" t="s">
        <v>9</v>
      </c>
      <c r="E279" s="10" t="s">
        <v>672</v>
      </c>
      <c r="F279" s="10" t="s">
        <v>1066</v>
      </c>
      <c r="G279" s="8" t="s">
        <v>673</v>
      </c>
      <c r="H279" s="6" t="s">
        <v>652</v>
      </c>
      <c r="I279" s="28"/>
    </row>
    <row r="280" spans="1:9" x14ac:dyDescent="0.2">
      <c r="A280" s="19">
        <v>278</v>
      </c>
      <c r="B280" s="8" t="s">
        <v>650</v>
      </c>
      <c r="C280" s="6"/>
      <c r="D280" s="6" t="s">
        <v>9</v>
      </c>
      <c r="E280" s="10" t="s">
        <v>674</v>
      </c>
      <c r="F280" s="10" t="s">
        <v>1067</v>
      </c>
      <c r="G280" s="8" t="s">
        <v>698</v>
      </c>
      <c r="H280" s="6" t="s">
        <v>685</v>
      </c>
      <c r="I280" s="28"/>
    </row>
    <row r="281" spans="1:9" x14ac:dyDescent="0.2">
      <c r="A281" s="19">
        <v>279</v>
      </c>
      <c r="B281" s="8" t="s">
        <v>650</v>
      </c>
      <c r="C281" s="6"/>
      <c r="D281" s="6" t="s">
        <v>9</v>
      </c>
      <c r="E281" s="10" t="s">
        <v>675</v>
      </c>
      <c r="F281" s="10" t="s">
        <v>1068</v>
      </c>
      <c r="G281" s="8" t="s">
        <v>699</v>
      </c>
      <c r="H281" s="6" t="s">
        <v>652</v>
      </c>
      <c r="I281" s="28"/>
    </row>
    <row r="282" spans="1:9" x14ac:dyDescent="0.2">
      <c r="A282" s="19">
        <v>280</v>
      </c>
      <c r="B282" s="8" t="s">
        <v>650</v>
      </c>
      <c r="C282" s="6" t="s">
        <v>9</v>
      </c>
      <c r="D282" s="6"/>
      <c r="E282" s="10" t="s">
        <v>676</v>
      </c>
      <c r="F282" s="10" t="s">
        <v>1069</v>
      </c>
      <c r="G282" s="8" t="s">
        <v>677</v>
      </c>
      <c r="H282" s="6" t="s">
        <v>9</v>
      </c>
      <c r="I282" s="28"/>
    </row>
    <row r="283" spans="1:9" x14ac:dyDescent="0.2">
      <c r="A283" s="19">
        <v>281</v>
      </c>
      <c r="B283" s="8" t="s">
        <v>650</v>
      </c>
      <c r="C283" s="6" t="s">
        <v>9</v>
      </c>
      <c r="D283" s="6"/>
      <c r="E283" s="10" t="s">
        <v>678</v>
      </c>
      <c r="F283" s="10" t="s">
        <v>1070</v>
      </c>
      <c r="G283" s="8" t="s">
        <v>700</v>
      </c>
      <c r="H283" s="6" t="s">
        <v>9</v>
      </c>
      <c r="I283" s="28"/>
    </row>
    <row r="284" spans="1:9" x14ac:dyDescent="0.2">
      <c r="A284" s="19">
        <v>282</v>
      </c>
      <c r="B284" s="8" t="s">
        <v>650</v>
      </c>
      <c r="C284" s="6" t="s">
        <v>9</v>
      </c>
      <c r="D284" s="6"/>
      <c r="E284" s="10" t="s">
        <v>679</v>
      </c>
      <c r="F284" s="10" t="s">
        <v>1071</v>
      </c>
      <c r="G284" s="8" t="s">
        <v>701</v>
      </c>
      <c r="H284" s="6" t="s">
        <v>652</v>
      </c>
      <c r="I284" s="28"/>
    </row>
    <row r="285" spans="1:9" x14ac:dyDescent="0.2">
      <c r="A285" s="19">
        <v>283</v>
      </c>
      <c r="B285" s="8" t="s">
        <v>650</v>
      </c>
      <c r="C285" s="6" t="s">
        <v>9</v>
      </c>
      <c r="D285" s="6"/>
      <c r="E285" s="10" t="s">
        <v>680</v>
      </c>
      <c r="F285" s="10" t="s">
        <v>1072</v>
      </c>
      <c r="G285" s="8" t="s">
        <v>681</v>
      </c>
      <c r="H285" s="6" t="s">
        <v>652</v>
      </c>
      <c r="I285" s="28"/>
    </row>
    <row r="286" spans="1:9" x14ac:dyDescent="0.2">
      <c r="A286" s="19">
        <v>284</v>
      </c>
      <c r="B286" s="8" t="s">
        <v>650</v>
      </c>
      <c r="C286" s="6" t="s">
        <v>9</v>
      </c>
      <c r="D286" s="6"/>
      <c r="E286" s="10" t="s">
        <v>682</v>
      </c>
      <c r="F286" s="10" t="s">
        <v>1073</v>
      </c>
      <c r="G286" s="8" t="s">
        <v>702</v>
      </c>
      <c r="H286" s="6" t="s">
        <v>652</v>
      </c>
      <c r="I286" s="28"/>
    </row>
    <row r="287" spans="1:9" x14ac:dyDescent="0.2">
      <c r="A287" s="19">
        <v>285</v>
      </c>
      <c r="B287" s="8" t="s">
        <v>650</v>
      </c>
      <c r="C287" s="6" t="s">
        <v>9</v>
      </c>
      <c r="D287" s="6"/>
      <c r="E287" s="10" t="s">
        <v>683</v>
      </c>
      <c r="F287" s="10" t="s">
        <v>1074</v>
      </c>
      <c r="G287" s="8" t="s">
        <v>703</v>
      </c>
      <c r="H287" s="6" t="s">
        <v>685</v>
      </c>
      <c r="I287" s="28"/>
    </row>
    <row r="288" spans="1:9" x14ac:dyDescent="0.2">
      <c r="A288" s="19">
        <v>286</v>
      </c>
      <c r="B288" s="8" t="s">
        <v>127</v>
      </c>
      <c r="C288" s="6" t="s">
        <v>9</v>
      </c>
      <c r="D288" s="6"/>
      <c r="E288" s="5" t="s">
        <v>128</v>
      </c>
      <c r="F288" s="39" t="s">
        <v>640</v>
      </c>
      <c r="G288" s="8" t="s">
        <v>129</v>
      </c>
      <c r="H288" s="6" t="s">
        <v>9</v>
      </c>
      <c r="I288" s="24"/>
    </row>
    <row r="289" spans="1:9" x14ac:dyDescent="0.2">
      <c r="A289" s="19">
        <v>287</v>
      </c>
      <c r="B289" s="8" t="s">
        <v>127</v>
      </c>
      <c r="C289" s="6" t="s">
        <v>9</v>
      </c>
      <c r="D289" s="6"/>
      <c r="E289" s="5" t="s">
        <v>130</v>
      </c>
      <c r="F289" s="39" t="s">
        <v>131</v>
      </c>
      <c r="G289" s="8" t="s">
        <v>132</v>
      </c>
      <c r="H289" s="6" t="s">
        <v>9</v>
      </c>
      <c r="I289" s="24"/>
    </row>
    <row r="290" spans="1:9" x14ac:dyDescent="0.2">
      <c r="A290" s="19">
        <v>288</v>
      </c>
      <c r="B290" s="8" t="s">
        <v>127</v>
      </c>
      <c r="C290" s="6" t="s">
        <v>9</v>
      </c>
      <c r="D290" s="6"/>
      <c r="E290" s="5" t="s">
        <v>133</v>
      </c>
      <c r="F290" s="39" t="s">
        <v>616</v>
      </c>
      <c r="G290" s="8" t="s">
        <v>134</v>
      </c>
      <c r="H290" s="6" t="s">
        <v>9</v>
      </c>
      <c r="I290" s="24"/>
    </row>
    <row r="291" spans="1:9" x14ac:dyDescent="0.2">
      <c r="A291" s="19">
        <v>289</v>
      </c>
      <c r="B291" s="8" t="s">
        <v>127</v>
      </c>
      <c r="C291" s="6"/>
      <c r="D291" s="6" t="s">
        <v>9</v>
      </c>
      <c r="E291" s="5" t="s">
        <v>135</v>
      </c>
      <c r="F291" s="39" t="s">
        <v>617</v>
      </c>
      <c r="G291" s="8" t="s">
        <v>136</v>
      </c>
      <c r="H291" s="6" t="s">
        <v>9</v>
      </c>
      <c r="I291" s="24"/>
    </row>
    <row r="292" spans="1:9" x14ac:dyDescent="0.2">
      <c r="A292" s="19">
        <v>290</v>
      </c>
      <c r="B292" s="8" t="s">
        <v>127</v>
      </c>
      <c r="C292" s="6"/>
      <c r="D292" s="6" t="s">
        <v>9</v>
      </c>
      <c r="E292" s="5" t="s">
        <v>137</v>
      </c>
      <c r="F292" s="39" t="s">
        <v>138</v>
      </c>
      <c r="G292" s="8" t="s">
        <v>139</v>
      </c>
      <c r="H292" s="6" t="s">
        <v>75</v>
      </c>
      <c r="I292" s="24"/>
    </row>
    <row r="293" spans="1:9" x14ac:dyDescent="0.2">
      <c r="A293" s="19">
        <v>291</v>
      </c>
      <c r="B293" s="8" t="s">
        <v>127</v>
      </c>
      <c r="C293" s="6"/>
      <c r="D293" s="6" t="s">
        <v>9</v>
      </c>
      <c r="E293" s="5" t="s">
        <v>140</v>
      </c>
      <c r="F293" s="39" t="s">
        <v>618</v>
      </c>
      <c r="G293" s="8" t="s">
        <v>141</v>
      </c>
      <c r="H293" s="6" t="s">
        <v>9</v>
      </c>
      <c r="I293" s="24"/>
    </row>
    <row r="294" spans="1:9" x14ac:dyDescent="0.2">
      <c r="A294" s="19">
        <v>292</v>
      </c>
      <c r="B294" s="8" t="s">
        <v>127</v>
      </c>
      <c r="C294" s="6"/>
      <c r="D294" s="6" t="s">
        <v>9</v>
      </c>
      <c r="E294" s="5" t="s">
        <v>142</v>
      </c>
      <c r="F294" s="39" t="s">
        <v>641</v>
      </c>
      <c r="G294" s="8" t="s">
        <v>143</v>
      </c>
      <c r="H294" s="6" t="s">
        <v>75</v>
      </c>
      <c r="I294" s="24"/>
    </row>
    <row r="295" spans="1:9" x14ac:dyDescent="0.2">
      <c r="A295" s="19">
        <v>293</v>
      </c>
      <c r="B295" s="8" t="s">
        <v>127</v>
      </c>
      <c r="C295" s="6"/>
      <c r="D295" s="6" t="s">
        <v>9</v>
      </c>
      <c r="E295" s="5" t="s">
        <v>144</v>
      </c>
      <c r="F295" s="39" t="s">
        <v>145</v>
      </c>
      <c r="G295" s="8" t="s">
        <v>146</v>
      </c>
      <c r="H295" s="6" t="s">
        <v>9</v>
      </c>
      <c r="I295" s="24"/>
    </row>
    <row r="296" spans="1:9" x14ac:dyDescent="0.2">
      <c r="A296" s="19">
        <v>294</v>
      </c>
      <c r="B296" s="8" t="s">
        <v>127</v>
      </c>
      <c r="C296" s="6"/>
      <c r="D296" s="6" t="s">
        <v>9</v>
      </c>
      <c r="E296" s="5" t="s">
        <v>147</v>
      </c>
      <c r="F296" s="39" t="s">
        <v>642</v>
      </c>
      <c r="G296" s="8" t="s">
        <v>148</v>
      </c>
      <c r="H296" s="6" t="s">
        <v>9</v>
      </c>
      <c r="I296" s="24"/>
    </row>
    <row r="297" spans="1:9" x14ac:dyDescent="0.2">
      <c r="A297" s="19">
        <v>295</v>
      </c>
      <c r="B297" s="8" t="s">
        <v>127</v>
      </c>
      <c r="C297" s="6"/>
      <c r="D297" s="6" t="s">
        <v>9</v>
      </c>
      <c r="E297" s="5" t="s">
        <v>149</v>
      </c>
      <c r="F297" s="39" t="s">
        <v>150</v>
      </c>
      <c r="G297" s="8" t="s">
        <v>151</v>
      </c>
      <c r="H297" s="6" t="s">
        <v>75</v>
      </c>
      <c r="I297" s="24"/>
    </row>
    <row r="298" spans="1:9" x14ac:dyDescent="0.2">
      <c r="A298" s="19">
        <v>296</v>
      </c>
      <c r="B298" s="8" t="s">
        <v>127</v>
      </c>
      <c r="C298" s="6"/>
      <c r="D298" s="6" t="s">
        <v>9</v>
      </c>
      <c r="E298" s="5" t="s">
        <v>152</v>
      </c>
      <c r="F298" s="39" t="s">
        <v>643</v>
      </c>
      <c r="G298" s="8" t="s">
        <v>153</v>
      </c>
      <c r="H298" s="6" t="s">
        <v>75</v>
      </c>
      <c r="I298" s="24"/>
    </row>
    <row r="299" spans="1:9" x14ac:dyDescent="0.2">
      <c r="A299" s="19">
        <v>297</v>
      </c>
      <c r="B299" s="8" t="s">
        <v>127</v>
      </c>
      <c r="C299" s="6" t="s">
        <v>9</v>
      </c>
      <c r="D299" s="6"/>
      <c r="E299" s="10" t="s">
        <v>154</v>
      </c>
      <c r="F299" s="39" t="s">
        <v>644</v>
      </c>
      <c r="G299" s="8" t="s">
        <v>155</v>
      </c>
      <c r="H299" s="6" t="s">
        <v>75</v>
      </c>
      <c r="I299" s="28"/>
    </row>
    <row r="300" spans="1:9" x14ac:dyDescent="0.2">
      <c r="A300" s="19">
        <v>298</v>
      </c>
      <c r="B300" s="8" t="s">
        <v>127</v>
      </c>
      <c r="C300" s="6" t="s">
        <v>9</v>
      </c>
      <c r="D300" s="6"/>
      <c r="E300" s="10" t="s">
        <v>156</v>
      </c>
      <c r="F300" s="39" t="s">
        <v>619</v>
      </c>
      <c r="G300" s="8" t="s">
        <v>157</v>
      </c>
      <c r="H300" s="6" t="s">
        <v>75</v>
      </c>
      <c r="I300" s="28"/>
    </row>
    <row r="301" spans="1:9" s="4" customFormat="1" x14ac:dyDescent="0.2">
      <c r="A301" s="19">
        <v>299</v>
      </c>
      <c r="B301" s="8" t="s">
        <v>127</v>
      </c>
      <c r="C301" s="6" t="s">
        <v>207</v>
      </c>
      <c r="D301" s="6"/>
      <c r="E301" s="10" t="s">
        <v>1235</v>
      </c>
      <c r="F301" s="39" t="s">
        <v>1236</v>
      </c>
      <c r="G301" s="8" t="s">
        <v>1237</v>
      </c>
      <c r="H301" s="6" t="s">
        <v>75</v>
      </c>
      <c r="I301" s="29"/>
    </row>
    <row r="302" spans="1:9" s="4" customFormat="1" x14ac:dyDescent="0.2">
      <c r="A302" s="19">
        <v>300</v>
      </c>
      <c r="B302" s="8" t="s">
        <v>127</v>
      </c>
      <c r="C302" s="6" t="s">
        <v>9</v>
      </c>
      <c r="D302" s="6"/>
      <c r="E302" s="5" t="s">
        <v>1282</v>
      </c>
      <c r="F302" s="39" t="s">
        <v>1283</v>
      </c>
      <c r="G302" s="5" t="s">
        <v>1284</v>
      </c>
      <c r="H302" s="6" t="s">
        <v>18</v>
      </c>
      <c r="I302" s="24"/>
    </row>
    <row r="303" spans="1:9" s="4" customFormat="1" x14ac:dyDescent="0.2">
      <c r="A303" s="19">
        <v>301</v>
      </c>
      <c r="B303" s="8" t="s">
        <v>1325</v>
      </c>
      <c r="C303" s="6" t="s">
        <v>9</v>
      </c>
      <c r="D303" s="6"/>
      <c r="E303" s="5" t="s">
        <v>1326</v>
      </c>
      <c r="F303" s="39" t="s">
        <v>1327</v>
      </c>
      <c r="G303" s="8" t="s">
        <v>1328</v>
      </c>
      <c r="H303" s="6" t="s">
        <v>92</v>
      </c>
      <c r="I303" s="24"/>
    </row>
    <row r="304" spans="1:9" s="4" customFormat="1" x14ac:dyDescent="0.2">
      <c r="A304" s="19">
        <v>302</v>
      </c>
      <c r="B304" s="8" t="s">
        <v>793</v>
      </c>
      <c r="C304" s="6"/>
      <c r="D304" s="6" t="s">
        <v>1239</v>
      </c>
      <c r="E304" s="10" t="s">
        <v>1240</v>
      </c>
      <c r="F304" s="39" t="s">
        <v>1241</v>
      </c>
      <c r="G304" s="8" t="s">
        <v>1242</v>
      </c>
      <c r="H304" s="6" t="s">
        <v>18</v>
      </c>
      <c r="I304" s="29"/>
    </row>
    <row r="305" spans="1:9" ht="28.8" x14ac:dyDescent="0.2">
      <c r="A305" s="19">
        <v>303</v>
      </c>
      <c r="B305" s="5" t="s">
        <v>793</v>
      </c>
      <c r="C305" s="6"/>
      <c r="D305" s="6" t="s">
        <v>9</v>
      </c>
      <c r="E305" s="7" t="s">
        <v>813</v>
      </c>
      <c r="F305" s="39" t="s">
        <v>1075</v>
      </c>
      <c r="G305" s="5" t="s">
        <v>794</v>
      </c>
      <c r="H305" s="6" t="s">
        <v>75</v>
      </c>
      <c r="I305" s="23"/>
    </row>
    <row r="306" spans="1:9" ht="28.8" x14ac:dyDescent="0.2">
      <c r="A306" s="19">
        <v>304</v>
      </c>
      <c r="B306" s="5" t="s">
        <v>793</v>
      </c>
      <c r="C306" s="6" t="s">
        <v>9</v>
      </c>
      <c r="D306" s="6"/>
      <c r="E306" s="7" t="s">
        <v>814</v>
      </c>
      <c r="F306" s="39" t="s">
        <v>1076</v>
      </c>
      <c r="G306" s="5" t="s">
        <v>795</v>
      </c>
      <c r="H306" s="6" t="s">
        <v>92</v>
      </c>
      <c r="I306" s="23"/>
    </row>
    <row r="307" spans="1:9" ht="28.8" x14ac:dyDescent="0.2">
      <c r="A307" s="19">
        <v>305</v>
      </c>
      <c r="B307" s="5" t="s">
        <v>793</v>
      </c>
      <c r="C307" s="6"/>
      <c r="D307" s="6" t="s">
        <v>9</v>
      </c>
      <c r="E307" s="7" t="s">
        <v>815</v>
      </c>
      <c r="F307" s="39" t="s">
        <v>1077</v>
      </c>
      <c r="G307" s="5" t="s">
        <v>796</v>
      </c>
      <c r="H307" s="6" t="s">
        <v>9</v>
      </c>
      <c r="I307" s="23"/>
    </row>
    <row r="308" spans="1:9" ht="28.8" x14ac:dyDescent="0.2">
      <c r="A308" s="19">
        <v>306</v>
      </c>
      <c r="B308" s="5" t="s">
        <v>793</v>
      </c>
      <c r="C308" s="6"/>
      <c r="D308" s="6" t="s">
        <v>9</v>
      </c>
      <c r="E308" s="7" t="s">
        <v>816</v>
      </c>
      <c r="F308" s="39" t="s">
        <v>1078</v>
      </c>
      <c r="G308" s="5" t="s">
        <v>797</v>
      </c>
      <c r="H308" s="6" t="s">
        <v>75</v>
      </c>
      <c r="I308" s="23"/>
    </row>
    <row r="309" spans="1:9" x14ac:dyDescent="0.2">
      <c r="A309" s="19">
        <v>307</v>
      </c>
      <c r="B309" s="5" t="s">
        <v>793</v>
      </c>
      <c r="C309" s="6"/>
      <c r="D309" s="6" t="s">
        <v>9</v>
      </c>
      <c r="E309" s="7" t="s">
        <v>817</v>
      </c>
      <c r="F309" s="39" t="s">
        <v>1079</v>
      </c>
      <c r="G309" s="5" t="s">
        <v>798</v>
      </c>
      <c r="H309" s="6" t="s">
        <v>9</v>
      </c>
      <c r="I309" s="23"/>
    </row>
    <row r="310" spans="1:9" ht="28.8" x14ac:dyDescent="0.2">
      <c r="A310" s="19">
        <v>308</v>
      </c>
      <c r="B310" s="5" t="s">
        <v>793</v>
      </c>
      <c r="C310" s="6"/>
      <c r="D310" s="6" t="s">
        <v>9</v>
      </c>
      <c r="E310" s="7" t="s">
        <v>818</v>
      </c>
      <c r="F310" s="39" t="s">
        <v>1080</v>
      </c>
      <c r="G310" s="5" t="s">
        <v>799</v>
      </c>
      <c r="H310" s="6" t="s">
        <v>9</v>
      </c>
      <c r="I310" s="23"/>
    </row>
    <row r="311" spans="1:9" s="3" customFormat="1" x14ac:dyDescent="0.2">
      <c r="A311" s="19">
        <v>309</v>
      </c>
      <c r="B311" s="5" t="s">
        <v>793</v>
      </c>
      <c r="C311" s="6"/>
      <c r="D311" s="6" t="s">
        <v>1105</v>
      </c>
      <c r="E311" s="7" t="s">
        <v>1238</v>
      </c>
      <c r="F311" s="39" t="s">
        <v>1285</v>
      </c>
      <c r="G311" s="8" t="s">
        <v>1286</v>
      </c>
      <c r="H311" s="6" t="s">
        <v>92</v>
      </c>
      <c r="I311" s="29"/>
    </row>
    <row r="312" spans="1:9" ht="28.8" x14ac:dyDescent="0.2">
      <c r="A312" s="19">
        <v>310</v>
      </c>
      <c r="B312" s="5" t="s">
        <v>793</v>
      </c>
      <c r="C312" s="6"/>
      <c r="D312" s="6" t="s">
        <v>9</v>
      </c>
      <c r="E312" s="7" t="s">
        <v>819</v>
      </c>
      <c r="F312" s="39" t="s">
        <v>1081</v>
      </c>
      <c r="G312" s="5" t="s">
        <v>800</v>
      </c>
      <c r="H312" s="6" t="s">
        <v>75</v>
      </c>
      <c r="I312" s="23"/>
    </row>
    <row r="313" spans="1:9" x14ac:dyDescent="0.2">
      <c r="A313" s="19">
        <v>311</v>
      </c>
      <c r="B313" s="5" t="s">
        <v>793</v>
      </c>
      <c r="C313" s="6" t="s">
        <v>9</v>
      </c>
      <c r="D313" s="6"/>
      <c r="E313" s="10" t="s">
        <v>811</v>
      </c>
      <c r="F313" s="39" t="s">
        <v>1082</v>
      </c>
      <c r="G313" s="5" t="s">
        <v>801</v>
      </c>
      <c r="H313" s="6" t="s">
        <v>9</v>
      </c>
      <c r="I313" s="24"/>
    </row>
    <row r="314" spans="1:9" x14ac:dyDescent="0.2">
      <c r="A314" s="19">
        <v>312</v>
      </c>
      <c r="B314" s="5" t="s">
        <v>793</v>
      </c>
      <c r="C314" s="6" t="s">
        <v>9</v>
      </c>
      <c r="D314" s="6"/>
      <c r="E314" s="10" t="s">
        <v>812</v>
      </c>
      <c r="F314" s="39" t="s">
        <v>1083</v>
      </c>
      <c r="G314" s="5" t="s">
        <v>802</v>
      </c>
      <c r="H314" s="6" t="s">
        <v>75</v>
      </c>
      <c r="I314" s="24"/>
    </row>
    <row r="315" spans="1:9" x14ac:dyDescent="0.2">
      <c r="A315" s="19">
        <v>313</v>
      </c>
      <c r="B315" s="5" t="s">
        <v>793</v>
      </c>
      <c r="C315" s="6" t="s">
        <v>9</v>
      </c>
      <c r="D315" s="6"/>
      <c r="E315" s="10" t="s">
        <v>803</v>
      </c>
      <c r="F315" s="39" t="s">
        <v>1084</v>
      </c>
      <c r="G315" s="5" t="s">
        <v>804</v>
      </c>
      <c r="H315" s="6" t="s">
        <v>92</v>
      </c>
      <c r="I315" s="24"/>
    </row>
    <row r="316" spans="1:9" x14ac:dyDescent="0.2">
      <c r="A316" s="19">
        <v>314</v>
      </c>
      <c r="B316" s="5" t="s">
        <v>793</v>
      </c>
      <c r="C316" s="6" t="s">
        <v>9</v>
      </c>
      <c r="D316" s="6"/>
      <c r="E316" s="10" t="s">
        <v>805</v>
      </c>
      <c r="F316" s="39" t="s">
        <v>1085</v>
      </c>
      <c r="G316" s="5" t="s">
        <v>806</v>
      </c>
      <c r="H316" s="6" t="s">
        <v>92</v>
      </c>
      <c r="I316" s="24"/>
    </row>
    <row r="317" spans="1:9" x14ac:dyDescent="0.2">
      <c r="A317" s="19">
        <v>315</v>
      </c>
      <c r="B317" s="5" t="s">
        <v>793</v>
      </c>
      <c r="C317" s="6" t="s">
        <v>9</v>
      </c>
      <c r="D317" s="6"/>
      <c r="E317" s="10" t="s">
        <v>807</v>
      </c>
      <c r="F317" s="39" t="s">
        <v>1086</v>
      </c>
      <c r="G317" s="5" t="s">
        <v>808</v>
      </c>
      <c r="H317" s="6" t="s">
        <v>92</v>
      </c>
      <c r="I317" s="24"/>
    </row>
    <row r="318" spans="1:9" x14ac:dyDescent="0.2">
      <c r="A318" s="19">
        <v>316</v>
      </c>
      <c r="B318" s="5" t="s">
        <v>793</v>
      </c>
      <c r="C318" s="6" t="s">
        <v>9</v>
      </c>
      <c r="D318" s="6"/>
      <c r="E318" s="10" t="s">
        <v>809</v>
      </c>
      <c r="F318" s="39" t="s">
        <v>1087</v>
      </c>
      <c r="G318" s="5" t="s">
        <v>810</v>
      </c>
      <c r="H318" s="6" t="s">
        <v>92</v>
      </c>
      <c r="I318" s="24"/>
    </row>
    <row r="319" spans="1:9" s="3" customFormat="1" x14ac:dyDescent="0.2">
      <c r="A319" s="19">
        <v>317</v>
      </c>
      <c r="B319" s="5" t="s">
        <v>793</v>
      </c>
      <c r="C319" s="6" t="s">
        <v>9</v>
      </c>
      <c r="D319" s="6"/>
      <c r="E319" s="5" t="s">
        <v>1329</v>
      </c>
      <c r="F319" s="5" t="s">
        <v>1330</v>
      </c>
      <c r="G319" s="5" t="s">
        <v>1331</v>
      </c>
      <c r="H319" s="6" t="s">
        <v>9</v>
      </c>
      <c r="I319" s="5"/>
    </row>
    <row r="320" spans="1:9" s="3" customFormat="1" x14ac:dyDescent="0.2">
      <c r="A320" s="19">
        <v>318</v>
      </c>
      <c r="B320" s="5" t="s">
        <v>793</v>
      </c>
      <c r="C320" s="6" t="s">
        <v>9</v>
      </c>
      <c r="D320" s="6"/>
      <c r="E320" s="5" t="s">
        <v>1332</v>
      </c>
      <c r="F320" s="5" t="s">
        <v>1333</v>
      </c>
      <c r="G320" s="5" t="s">
        <v>1334</v>
      </c>
      <c r="H320" s="6" t="s">
        <v>92</v>
      </c>
      <c r="I320" s="5"/>
    </row>
    <row r="321" spans="1:9" s="2" customFormat="1" x14ac:dyDescent="0.2">
      <c r="A321" s="19">
        <v>319</v>
      </c>
      <c r="B321" s="5" t="s">
        <v>1104</v>
      </c>
      <c r="C321" s="6" t="s">
        <v>9</v>
      </c>
      <c r="D321" s="6"/>
      <c r="E321" s="10" t="s">
        <v>1106</v>
      </c>
      <c r="F321" s="39" t="s">
        <v>1114</v>
      </c>
      <c r="G321" s="5" t="s">
        <v>1335</v>
      </c>
      <c r="H321" s="6" t="s">
        <v>92</v>
      </c>
      <c r="I321" s="24"/>
    </row>
    <row r="322" spans="1:9" s="2" customFormat="1" x14ac:dyDescent="0.2">
      <c r="A322" s="19">
        <v>320</v>
      </c>
      <c r="B322" s="5" t="s">
        <v>1104</v>
      </c>
      <c r="C322" s="6"/>
      <c r="D322" s="6" t="s">
        <v>1105</v>
      </c>
      <c r="E322" s="10" t="s">
        <v>1107</v>
      </c>
      <c r="F322" s="39" t="s">
        <v>1115</v>
      </c>
      <c r="G322" s="8" t="s">
        <v>1108</v>
      </c>
      <c r="H322" s="6" t="s">
        <v>92</v>
      </c>
      <c r="I322" s="24"/>
    </row>
    <row r="323" spans="1:9" s="2" customFormat="1" x14ac:dyDescent="0.2">
      <c r="A323" s="19">
        <v>321</v>
      </c>
      <c r="B323" s="5" t="s">
        <v>1104</v>
      </c>
      <c r="C323" s="6" t="s">
        <v>1105</v>
      </c>
      <c r="D323" s="6"/>
      <c r="E323" s="10" t="s">
        <v>1109</v>
      </c>
      <c r="F323" s="39" t="s">
        <v>1116</v>
      </c>
      <c r="G323" s="8" t="s">
        <v>1110</v>
      </c>
      <c r="H323" s="6" t="s">
        <v>1113</v>
      </c>
      <c r="I323" s="24"/>
    </row>
    <row r="324" spans="1:9" s="2" customFormat="1" x14ac:dyDescent="0.2">
      <c r="A324" s="19">
        <v>322</v>
      </c>
      <c r="B324" s="5" t="s">
        <v>1104</v>
      </c>
      <c r="C324" s="6" t="s">
        <v>1105</v>
      </c>
      <c r="D324" s="6"/>
      <c r="E324" s="10" t="s">
        <v>1111</v>
      </c>
      <c r="F324" s="39" t="s">
        <v>1112</v>
      </c>
      <c r="G324" s="5" t="s">
        <v>1287</v>
      </c>
      <c r="H324" s="6" t="s">
        <v>92</v>
      </c>
      <c r="I324" s="24"/>
    </row>
    <row r="325" spans="1:9" s="2" customFormat="1" x14ac:dyDescent="0.2">
      <c r="A325" s="19">
        <v>323</v>
      </c>
      <c r="B325" s="5" t="s">
        <v>1104</v>
      </c>
      <c r="C325" s="6"/>
      <c r="D325" s="6" t="s">
        <v>1105</v>
      </c>
      <c r="E325" s="10" t="s">
        <v>1149</v>
      </c>
      <c r="F325" s="39" t="s">
        <v>1150</v>
      </c>
      <c r="G325" s="8" t="s">
        <v>1151</v>
      </c>
      <c r="H325" s="6" t="s">
        <v>18</v>
      </c>
      <c r="I325" s="24"/>
    </row>
    <row r="326" spans="1:9" x14ac:dyDescent="0.2">
      <c r="A326" s="19">
        <v>324</v>
      </c>
      <c r="B326" s="5" t="s">
        <v>820</v>
      </c>
      <c r="C326" s="6"/>
      <c r="D326" s="6" t="s">
        <v>9</v>
      </c>
      <c r="E326" s="5" t="s">
        <v>821</v>
      </c>
      <c r="F326" s="39" t="s">
        <v>822</v>
      </c>
      <c r="G326" s="5" t="s">
        <v>823</v>
      </c>
      <c r="H326" s="6" t="s">
        <v>652</v>
      </c>
      <c r="I326" s="24"/>
    </row>
    <row r="327" spans="1:9" x14ac:dyDescent="0.2">
      <c r="A327" s="19">
        <v>325</v>
      </c>
      <c r="B327" s="5" t="s">
        <v>820</v>
      </c>
      <c r="C327" s="6"/>
      <c r="D327" s="6" t="s">
        <v>9</v>
      </c>
      <c r="E327" s="5" t="s">
        <v>824</v>
      </c>
      <c r="F327" s="39" t="s">
        <v>825</v>
      </c>
      <c r="G327" s="5" t="s">
        <v>826</v>
      </c>
      <c r="H327" s="6" t="s">
        <v>827</v>
      </c>
      <c r="I327" s="24"/>
    </row>
    <row r="328" spans="1:9" s="2" customFormat="1" x14ac:dyDescent="0.2">
      <c r="A328" s="19">
        <v>326</v>
      </c>
      <c r="B328" s="5" t="s">
        <v>820</v>
      </c>
      <c r="C328" s="6"/>
      <c r="D328" s="6" t="s">
        <v>9</v>
      </c>
      <c r="E328" s="5" t="s">
        <v>1147</v>
      </c>
      <c r="F328" s="39" t="s">
        <v>1148</v>
      </c>
      <c r="G328" s="5" t="s">
        <v>1336</v>
      </c>
      <c r="H328" s="6" t="s">
        <v>1105</v>
      </c>
      <c r="I328" s="24"/>
    </row>
    <row r="329" spans="1:9" x14ac:dyDescent="0.2">
      <c r="A329" s="19">
        <v>327</v>
      </c>
      <c r="B329" s="8" t="s">
        <v>704</v>
      </c>
      <c r="C329" s="6" t="s">
        <v>9</v>
      </c>
      <c r="D329" s="6"/>
      <c r="E329" s="5" t="s">
        <v>705</v>
      </c>
      <c r="F329" s="39" t="s">
        <v>1088</v>
      </c>
      <c r="G329" s="5" t="s">
        <v>706</v>
      </c>
      <c r="H329" s="6" t="s">
        <v>707</v>
      </c>
      <c r="I329" s="24"/>
    </row>
    <row r="330" spans="1:9" x14ac:dyDescent="0.2">
      <c r="A330" s="19">
        <v>328</v>
      </c>
      <c r="B330" s="8" t="s">
        <v>704</v>
      </c>
      <c r="C330" s="6" t="s">
        <v>9</v>
      </c>
      <c r="D330" s="6"/>
      <c r="E330" s="5" t="s">
        <v>708</v>
      </c>
      <c r="F330" s="39" t="s">
        <v>1089</v>
      </c>
      <c r="G330" s="5" t="s">
        <v>709</v>
      </c>
      <c r="H330" s="6" t="s">
        <v>18</v>
      </c>
      <c r="I330" s="24"/>
    </row>
    <row r="331" spans="1:9" x14ac:dyDescent="0.2">
      <c r="A331" s="19">
        <v>329</v>
      </c>
      <c r="B331" s="8" t="s">
        <v>704</v>
      </c>
      <c r="C331" s="6" t="s">
        <v>9</v>
      </c>
      <c r="D331" s="6"/>
      <c r="E331" s="5" t="s">
        <v>710</v>
      </c>
      <c r="F331" s="39" t="s">
        <v>1090</v>
      </c>
      <c r="G331" s="5" t="s">
        <v>711</v>
      </c>
      <c r="H331" s="6" t="s">
        <v>707</v>
      </c>
      <c r="I331" s="24"/>
    </row>
    <row r="332" spans="1:9" x14ac:dyDescent="0.2">
      <c r="A332" s="19">
        <v>330</v>
      </c>
      <c r="B332" s="8" t="s">
        <v>704</v>
      </c>
      <c r="C332" s="6" t="s">
        <v>9</v>
      </c>
      <c r="D332" s="6"/>
      <c r="E332" s="5" t="s">
        <v>712</v>
      </c>
      <c r="F332" s="39" t="s">
        <v>1091</v>
      </c>
      <c r="G332" s="5" t="s">
        <v>713</v>
      </c>
      <c r="H332" s="6" t="s">
        <v>707</v>
      </c>
      <c r="I332" s="24"/>
    </row>
    <row r="333" spans="1:9" x14ac:dyDescent="0.2">
      <c r="A333" s="19">
        <v>331</v>
      </c>
      <c r="B333" s="8" t="s">
        <v>704</v>
      </c>
      <c r="C333" s="6" t="s">
        <v>9</v>
      </c>
      <c r="D333" s="6"/>
      <c r="E333" s="5" t="s">
        <v>715</v>
      </c>
      <c r="F333" s="39" t="s">
        <v>1092</v>
      </c>
      <c r="G333" s="5" t="s">
        <v>716</v>
      </c>
      <c r="H333" s="6" t="s">
        <v>18</v>
      </c>
      <c r="I333" s="24"/>
    </row>
    <row r="334" spans="1:9" x14ac:dyDescent="0.2">
      <c r="A334" s="19">
        <v>332</v>
      </c>
      <c r="B334" s="5" t="s">
        <v>704</v>
      </c>
      <c r="C334" s="6" t="s">
        <v>9</v>
      </c>
      <c r="D334" s="6"/>
      <c r="E334" s="5" t="s">
        <v>1288</v>
      </c>
      <c r="F334" s="10" t="s">
        <v>1322</v>
      </c>
      <c r="G334" s="5" t="s">
        <v>1289</v>
      </c>
      <c r="H334" s="6" t="s">
        <v>92</v>
      </c>
      <c r="I334" s="30"/>
    </row>
    <row r="335" spans="1:9" x14ac:dyDescent="0.2">
      <c r="A335" s="19">
        <v>333</v>
      </c>
      <c r="B335" s="8" t="s">
        <v>704</v>
      </c>
      <c r="C335" s="6" t="s">
        <v>9</v>
      </c>
      <c r="D335" s="6"/>
      <c r="E335" s="5" t="s">
        <v>717</v>
      </c>
      <c r="F335" s="39" t="s">
        <v>1093</v>
      </c>
      <c r="G335" s="5" t="s">
        <v>718</v>
      </c>
      <c r="H335" s="6" t="s">
        <v>18</v>
      </c>
      <c r="I335" s="24"/>
    </row>
    <row r="336" spans="1:9" x14ac:dyDescent="0.2">
      <c r="A336" s="19">
        <v>334</v>
      </c>
      <c r="B336" s="8" t="s">
        <v>704</v>
      </c>
      <c r="C336" s="6" t="s">
        <v>9</v>
      </c>
      <c r="D336" s="6"/>
      <c r="E336" s="5" t="s">
        <v>719</v>
      </c>
      <c r="F336" s="39" t="s">
        <v>1094</v>
      </c>
      <c r="G336" s="5" t="s">
        <v>720</v>
      </c>
      <c r="H336" s="6" t="s">
        <v>18</v>
      </c>
      <c r="I336" s="24"/>
    </row>
    <row r="337" spans="1:9" x14ac:dyDescent="0.2">
      <c r="A337" s="19">
        <v>335</v>
      </c>
      <c r="B337" s="8" t="s">
        <v>704</v>
      </c>
      <c r="C337" s="6" t="s">
        <v>9</v>
      </c>
      <c r="D337" s="6"/>
      <c r="E337" s="5" t="s">
        <v>721</v>
      </c>
      <c r="F337" s="39" t="s">
        <v>1095</v>
      </c>
      <c r="G337" s="5" t="s">
        <v>722</v>
      </c>
      <c r="H337" s="6" t="s">
        <v>714</v>
      </c>
      <c r="I337" s="24"/>
    </row>
    <row r="338" spans="1:9" x14ac:dyDescent="0.2">
      <c r="A338" s="19">
        <v>336</v>
      </c>
      <c r="B338" s="8" t="s">
        <v>704</v>
      </c>
      <c r="C338" s="6" t="s">
        <v>9</v>
      </c>
      <c r="D338" s="6"/>
      <c r="E338" s="5" t="s">
        <v>723</v>
      </c>
      <c r="F338" s="39" t="s">
        <v>1096</v>
      </c>
      <c r="G338" s="5" t="s">
        <v>724</v>
      </c>
      <c r="H338" s="6" t="s">
        <v>18</v>
      </c>
      <c r="I338" s="24"/>
    </row>
    <row r="339" spans="1:9" x14ac:dyDescent="0.2">
      <c r="A339" s="19">
        <v>337</v>
      </c>
      <c r="B339" s="8" t="s">
        <v>704</v>
      </c>
      <c r="C339" s="6" t="s">
        <v>9</v>
      </c>
      <c r="D339" s="6"/>
      <c r="E339" s="5" t="s">
        <v>725</v>
      </c>
      <c r="F339" s="39" t="s">
        <v>1097</v>
      </c>
      <c r="G339" s="5" t="s">
        <v>726</v>
      </c>
      <c r="H339" s="6" t="s">
        <v>707</v>
      </c>
      <c r="I339" s="24"/>
    </row>
    <row r="340" spans="1:9" x14ac:dyDescent="0.2">
      <c r="A340" s="19">
        <v>338</v>
      </c>
      <c r="B340" s="5" t="s">
        <v>704</v>
      </c>
      <c r="C340" s="6"/>
      <c r="D340" s="6" t="s">
        <v>9</v>
      </c>
      <c r="E340" s="5" t="s">
        <v>1290</v>
      </c>
      <c r="F340" s="10" t="s">
        <v>1291</v>
      </c>
      <c r="G340" s="5" t="s">
        <v>1292</v>
      </c>
      <c r="H340" s="6" t="s">
        <v>18</v>
      </c>
      <c r="I340" s="25"/>
    </row>
    <row r="341" spans="1:9" x14ac:dyDescent="0.2">
      <c r="A341" s="19">
        <v>339</v>
      </c>
      <c r="B341" s="8" t="s">
        <v>704</v>
      </c>
      <c r="C341" s="6" t="s">
        <v>9</v>
      </c>
      <c r="D341" s="6"/>
      <c r="E341" s="5" t="s">
        <v>727</v>
      </c>
      <c r="F341" s="39" t="s">
        <v>1098</v>
      </c>
      <c r="G341" s="5" t="s">
        <v>728</v>
      </c>
      <c r="H341" s="6" t="s">
        <v>9</v>
      </c>
      <c r="I341" s="28"/>
    </row>
    <row r="342" spans="1:9" x14ac:dyDescent="0.2">
      <c r="A342" s="19">
        <v>340</v>
      </c>
      <c r="B342" s="8" t="s">
        <v>704</v>
      </c>
      <c r="C342" s="6" t="s">
        <v>9</v>
      </c>
      <c r="D342" s="6"/>
      <c r="E342" s="5" t="s">
        <v>729</v>
      </c>
      <c r="F342" s="39" t="s">
        <v>1099</v>
      </c>
      <c r="G342" s="5" t="s">
        <v>730</v>
      </c>
      <c r="H342" s="6" t="s">
        <v>18</v>
      </c>
      <c r="I342" s="24"/>
    </row>
    <row r="343" spans="1:9" x14ac:dyDescent="0.2">
      <c r="A343" s="19">
        <v>341</v>
      </c>
      <c r="B343" s="8" t="s">
        <v>704</v>
      </c>
      <c r="C343" s="6" t="s">
        <v>9</v>
      </c>
      <c r="D343" s="6"/>
      <c r="E343" s="5" t="s">
        <v>1174</v>
      </c>
      <c r="F343" s="39" t="s">
        <v>1100</v>
      </c>
      <c r="G343" s="5" t="s">
        <v>731</v>
      </c>
      <c r="H343" s="6" t="s">
        <v>18</v>
      </c>
      <c r="I343" s="24"/>
    </row>
    <row r="344" spans="1:9" x14ac:dyDescent="0.2">
      <c r="A344" s="19">
        <v>342</v>
      </c>
      <c r="B344" s="8" t="s">
        <v>704</v>
      </c>
      <c r="C344" s="6" t="s">
        <v>9</v>
      </c>
      <c r="D344" s="6"/>
      <c r="E344" s="5" t="s">
        <v>732</v>
      </c>
      <c r="F344" s="39" t="s">
        <v>1101</v>
      </c>
      <c r="G344" s="5" t="s">
        <v>733</v>
      </c>
      <c r="H344" s="6" t="s">
        <v>714</v>
      </c>
      <c r="I344" s="24"/>
    </row>
    <row r="345" spans="1:9" x14ac:dyDescent="0.2">
      <c r="A345" s="19">
        <v>343</v>
      </c>
      <c r="B345" s="8" t="s">
        <v>704</v>
      </c>
      <c r="C345" s="6" t="s">
        <v>9</v>
      </c>
      <c r="D345" s="6"/>
      <c r="E345" s="5" t="s">
        <v>734</v>
      </c>
      <c r="F345" s="39" t="s">
        <v>1102</v>
      </c>
      <c r="G345" s="5" t="s">
        <v>735</v>
      </c>
      <c r="H345" s="6" t="s">
        <v>714</v>
      </c>
      <c r="I345" s="24"/>
    </row>
    <row r="346" spans="1:9" s="3" customFormat="1" x14ac:dyDescent="0.2">
      <c r="A346" s="19">
        <v>344</v>
      </c>
      <c r="B346" s="5" t="s">
        <v>704</v>
      </c>
      <c r="C346" s="6" t="s">
        <v>9</v>
      </c>
      <c r="D346" s="6"/>
      <c r="E346" s="5" t="s">
        <v>1293</v>
      </c>
      <c r="F346" s="10" t="s">
        <v>1294</v>
      </c>
      <c r="G346" s="5" t="s">
        <v>1295</v>
      </c>
      <c r="H346" s="6" t="s">
        <v>18</v>
      </c>
      <c r="I346" s="25"/>
    </row>
    <row r="347" spans="1:9" x14ac:dyDescent="0.2">
      <c r="A347" s="19">
        <v>345</v>
      </c>
      <c r="B347" s="8" t="s">
        <v>321</v>
      </c>
      <c r="C347" s="6"/>
      <c r="D347" s="6" t="s">
        <v>9</v>
      </c>
      <c r="E347" s="10" t="s">
        <v>318</v>
      </c>
      <c r="F347" s="39" t="s">
        <v>319</v>
      </c>
      <c r="G347" s="8" t="s">
        <v>320</v>
      </c>
      <c r="H347" s="6" t="s">
        <v>92</v>
      </c>
      <c r="I347" s="28"/>
    </row>
    <row r="348" spans="1:9" x14ac:dyDescent="0.2">
      <c r="A348" s="19">
        <v>346</v>
      </c>
      <c r="B348" s="8" t="s">
        <v>321</v>
      </c>
      <c r="C348" s="6"/>
      <c r="D348" s="6" t="s">
        <v>9</v>
      </c>
      <c r="E348" s="10" t="s">
        <v>322</v>
      </c>
      <c r="F348" s="39" t="s">
        <v>620</v>
      </c>
      <c r="G348" s="8" t="s">
        <v>323</v>
      </c>
      <c r="H348" s="6" t="s">
        <v>92</v>
      </c>
      <c r="I348" s="28"/>
    </row>
    <row r="349" spans="1:9" x14ac:dyDescent="0.2">
      <c r="A349" s="19">
        <v>347</v>
      </c>
      <c r="B349" s="8" t="s">
        <v>321</v>
      </c>
      <c r="C349" s="6"/>
      <c r="D349" s="6" t="s">
        <v>9</v>
      </c>
      <c r="E349" s="10" t="s">
        <v>324</v>
      </c>
      <c r="F349" s="39" t="s">
        <v>621</v>
      </c>
      <c r="G349" s="8" t="s">
        <v>325</v>
      </c>
      <c r="H349" s="6" t="s">
        <v>92</v>
      </c>
      <c r="I349" s="28"/>
    </row>
    <row r="350" spans="1:9" x14ac:dyDescent="0.2">
      <c r="A350" s="19">
        <v>348</v>
      </c>
      <c r="B350" s="8" t="s">
        <v>321</v>
      </c>
      <c r="C350" s="6"/>
      <c r="D350" s="6" t="s">
        <v>9</v>
      </c>
      <c r="E350" s="10" t="s">
        <v>326</v>
      </c>
      <c r="F350" s="39" t="s">
        <v>622</v>
      </c>
      <c r="G350" s="8" t="s">
        <v>327</v>
      </c>
      <c r="H350" s="6" t="s">
        <v>92</v>
      </c>
      <c r="I350" s="28"/>
    </row>
    <row r="351" spans="1:9" x14ac:dyDescent="0.2">
      <c r="A351" s="19">
        <v>349</v>
      </c>
      <c r="B351" s="8" t="s">
        <v>321</v>
      </c>
      <c r="C351" s="6" t="s">
        <v>9</v>
      </c>
      <c r="D351" s="6"/>
      <c r="E351" s="10" t="s">
        <v>328</v>
      </c>
      <c r="F351" s="39" t="s">
        <v>623</v>
      </c>
      <c r="G351" s="8" t="s">
        <v>329</v>
      </c>
      <c r="H351" s="6" t="s">
        <v>92</v>
      </c>
      <c r="I351" s="28"/>
    </row>
    <row r="352" spans="1:9" x14ac:dyDescent="0.2">
      <c r="A352" s="19">
        <v>350</v>
      </c>
      <c r="B352" s="8" t="s">
        <v>321</v>
      </c>
      <c r="C352" s="6"/>
      <c r="D352" s="6" t="s">
        <v>9</v>
      </c>
      <c r="E352" s="10" t="s">
        <v>330</v>
      </c>
      <c r="F352" s="39" t="s">
        <v>624</v>
      </c>
      <c r="G352" s="8" t="s">
        <v>331</v>
      </c>
      <c r="H352" s="6" t="s">
        <v>92</v>
      </c>
      <c r="I352" s="28"/>
    </row>
    <row r="353" spans="1:9" x14ac:dyDescent="0.2">
      <c r="A353" s="19">
        <v>351</v>
      </c>
      <c r="B353" s="8" t="s">
        <v>321</v>
      </c>
      <c r="C353" s="6"/>
      <c r="D353" s="6" t="s">
        <v>9</v>
      </c>
      <c r="E353" s="10" t="s">
        <v>332</v>
      </c>
      <c r="F353" s="39" t="s">
        <v>333</v>
      </c>
      <c r="G353" s="8" t="s">
        <v>334</v>
      </c>
      <c r="H353" s="6" t="s">
        <v>92</v>
      </c>
      <c r="I353" s="28"/>
    </row>
    <row r="354" spans="1:9" x14ac:dyDescent="0.2">
      <c r="A354" s="19">
        <v>352</v>
      </c>
      <c r="B354" s="8" t="s">
        <v>321</v>
      </c>
      <c r="C354" s="6"/>
      <c r="D354" s="6" t="s">
        <v>9</v>
      </c>
      <c r="E354" s="10" t="s">
        <v>335</v>
      </c>
      <c r="F354" s="39" t="s">
        <v>336</v>
      </c>
      <c r="G354" s="8" t="s">
        <v>337</v>
      </c>
      <c r="H354" s="6" t="s">
        <v>92</v>
      </c>
      <c r="I354" s="28"/>
    </row>
    <row r="355" spans="1:9" x14ac:dyDescent="0.2">
      <c r="A355" s="19">
        <v>353</v>
      </c>
      <c r="B355" s="8" t="s">
        <v>321</v>
      </c>
      <c r="C355" s="6"/>
      <c r="D355" s="6" t="s">
        <v>9</v>
      </c>
      <c r="E355" s="10" t="s">
        <v>338</v>
      </c>
      <c r="F355" s="39" t="s">
        <v>339</v>
      </c>
      <c r="G355" s="8" t="s">
        <v>340</v>
      </c>
      <c r="H355" s="6" t="s">
        <v>92</v>
      </c>
      <c r="I355" s="28"/>
    </row>
    <row r="356" spans="1:9" x14ac:dyDescent="0.2">
      <c r="A356" s="19">
        <v>354</v>
      </c>
      <c r="B356" s="8" t="s">
        <v>321</v>
      </c>
      <c r="C356" s="6" t="s">
        <v>9</v>
      </c>
      <c r="D356" s="6"/>
      <c r="E356" s="10" t="s">
        <v>341</v>
      </c>
      <c r="F356" s="39" t="s">
        <v>342</v>
      </c>
      <c r="G356" s="8" t="s">
        <v>343</v>
      </c>
      <c r="H356" s="6" t="s">
        <v>92</v>
      </c>
      <c r="I356" s="28"/>
    </row>
    <row r="357" spans="1:9" s="2" customFormat="1" x14ac:dyDescent="0.2">
      <c r="A357" s="19">
        <v>355</v>
      </c>
      <c r="B357" s="8" t="s">
        <v>321</v>
      </c>
      <c r="C357" s="6" t="s">
        <v>9</v>
      </c>
      <c r="D357" s="6"/>
      <c r="E357" s="10" t="s">
        <v>344</v>
      </c>
      <c r="F357" s="39" t="s">
        <v>625</v>
      </c>
      <c r="G357" s="8" t="s">
        <v>345</v>
      </c>
      <c r="H357" s="6" t="s">
        <v>92</v>
      </c>
      <c r="I357" s="28"/>
    </row>
    <row r="358" spans="1:9" s="2" customFormat="1" x14ac:dyDescent="0.2">
      <c r="A358" s="19">
        <v>356</v>
      </c>
      <c r="B358" s="8" t="s">
        <v>321</v>
      </c>
      <c r="C358" s="6" t="s">
        <v>9</v>
      </c>
      <c r="D358" s="6"/>
      <c r="E358" s="10" t="s">
        <v>346</v>
      </c>
      <c r="F358" s="39" t="s">
        <v>626</v>
      </c>
      <c r="G358" s="8" t="s">
        <v>347</v>
      </c>
      <c r="H358" s="6" t="s">
        <v>92</v>
      </c>
      <c r="I358" s="28"/>
    </row>
    <row r="359" spans="1:9" x14ac:dyDescent="0.2">
      <c r="A359" s="19">
        <v>357</v>
      </c>
      <c r="B359" s="8" t="s">
        <v>321</v>
      </c>
      <c r="C359" s="6" t="s">
        <v>9</v>
      </c>
      <c r="D359" s="6"/>
      <c r="E359" s="10" t="s">
        <v>348</v>
      </c>
      <c r="F359" s="39" t="s">
        <v>627</v>
      </c>
      <c r="G359" s="8" t="s">
        <v>349</v>
      </c>
      <c r="H359" s="6" t="s">
        <v>92</v>
      </c>
      <c r="I359" s="28"/>
    </row>
    <row r="360" spans="1:9" x14ac:dyDescent="0.2">
      <c r="A360" s="19">
        <v>358</v>
      </c>
      <c r="B360" s="8" t="s">
        <v>321</v>
      </c>
      <c r="C360" s="6" t="s">
        <v>9</v>
      </c>
      <c r="D360" s="6"/>
      <c r="E360" s="10" t="s">
        <v>350</v>
      </c>
      <c r="F360" s="39" t="s">
        <v>628</v>
      </c>
      <c r="G360" s="8" t="s">
        <v>351</v>
      </c>
      <c r="H360" s="6" t="s">
        <v>92</v>
      </c>
      <c r="I360" s="28"/>
    </row>
    <row r="361" spans="1:9" x14ac:dyDescent="0.2">
      <c r="A361" s="19">
        <v>359</v>
      </c>
      <c r="B361" s="8" t="s">
        <v>321</v>
      </c>
      <c r="C361" s="6" t="s">
        <v>9</v>
      </c>
      <c r="D361" s="6"/>
      <c r="E361" s="10" t="s">
        <v>352</v>
      </c>
      <c r="F361" s="39" t="s">
        <v>1337</v>
      </c>
      <c r="G361" s="8" t="s">
        <v>353</v>
      </c>
      <c r="H361" s="6" t="s">
        <v>92</v>
      </c>
      <c r="I361" s="28"/>
    </row>
    <row r="362" spans="1:9" x14ac:dyDescent="0.2">
      <c r="A362" s="19">
        <v>360</v>
      </c>
      <c r="B362" s="8" t="s">
        <v>321</v>
      </c>
      <c r="C362" s="6" t="s">
        <v>9</v>
      </c>
      <c r="D362" s="6"/>
      <c r="E362" s="10" t="s">
        <v>354</v>
      </c>
      <c r="F362" s="39" t="s">
        <v>629</v>
      </c>
      <c r="G362" s="8" t="s">
        <v>355</v>
      </c>
      <c r="H362" s="6" t="s">
        <v>92</v>
      </c>
      <c r="I362" s="28"/>
    </row>
    <row r="363" spans="1:9" x14ac:dyDescent="0.2">
      <c r="A363" s="19">
        <v>361</v>
      </c>
      <c r="B363" s="8" t="s">
        <v>321</v>
      </c>
      <c r="C363" s="6" t="s">
        <v>9</v>
      </c>
      <c r="D363" s="6"/>
      <c r="E363" s="10" t="s">
        <v>356</v>
      </c>
      <c r="F363" s="39" t="s">
        <v>357</v>
      </c>
      <c r="G363" s="8" t="s">
        <v>358</v>
      </c>
      <c r="H363" s="6" t="s">
        <v>92</v>
      </c>
      <c r="I363" s="28"/>
    </row>
    <row r="364" spans="1:9" x14ac:dyDescent="0.2">
      <c r="A364" s="19">
        <v>362</v>
      </c>
      <c r="B364" s="8" t="s">
        <v>265</v>
      </c>
      <c r="C364" s="6"/>
      <c r="D364" s="6" t="s">
        <v>9</v>
      </c>
      <c r="E364" s="10" t="s">
        <v>266</v>
      </c>
      <c r="F364" s="39" t="s">
        <v>267</v>
      </c>
      <c r="G364" s="8" t="s">
        <v>268</v>
      </c>
      <c r="H364" s="6" t="s">
        <v>9</v>
      </c>
      <c r="I364" s="28"/>
    </row>
    <row r="365" spans="1:9" x14ac:dyDescent="0.2">
      <c r="A365" s="19">
        <v>363</v>
      </c>
      <c r="B365" s="8" t="s">
        <v>1154</v>
      </c>
      <c r="C365" s="6" t="s">
        <v>9</v>
      </c>
      <c r="D365" s="6" t="s">
        <v>1155</v>
      </c>
      <c r="E365" s="7" t="s">
        <v>1156</v>
      </c>
      <c r="F365" s="39" t="s">
        <v>1157</v>
      </c>
      <c r="G365" s="5" t="s">
        <v>1158</v>
      </c>
      <c r="H365" s="6" t="s">
        <v>1159</v>
      </c>
      <c r="I365" s="31"/>
    </row>
    <row r="366" spans="1:9" x14ac:dyDescent="0.2">
      <c r="A366" s="19">
        <v>364</v>
      </c>
      <c r="B366" s="8" t="s">
        <v>265</v>
      </c>
      <c r="C366" s="6"/>
      <c r="D366" s="6" t="s">
        <v>9</v>
      </c>
      <c r="E366" s="10" t="s">
        <v>269</v>
      </c>
      <c r="F366" s="39" t="s">
        <v>270</v>
      </c>
      <c r="G366" s="8" t="s">
        <v>271</v>
      </c>
      <c r="H366" s="6" t="s">
        <v>92</v>
      </c>
      <c r="I366" s="28"/>
    </row>
    <row r="367" spans="1:9" x14ac:dyDescent="0.2">
      <c r="A367" s="19">
        <v>365</v>
      </c>
      <c r="B367" s="8" t="s">
        <v>1154</v>
      </c>
      <c r="C367" s="6" t="s">
        <v>9</v>
      </c>
      <c r="D367" s="6" t="s">
        <v>1160</v>
      </c>
      <c r="E367" s="5" t="s">
        <v>1161</v>
      </c>
      <c r="F367" s="39" t="s">
        <v>1162</v>
      </c>
      <c r="G367" s="5" t="s">
        <v>1163</v>
      </c>
      <c r="H367" s="6" t="s">
        <v>1164</v>
      </c>
      <c r="I367" s="31"/>
    </row>
    <row r="368" spans="1:9" x14ac:dyDescent="0.2">
      <c r="A368" s="19">
        <v>366</v>
      </c>
      <c r="B368" s="8" t="s">
        <v>265</v>
      </c>
      <c r="C368" s="6"/>
      <c r="D368" s="6" t="s">
        <v>9</v>
      </c>
      <c r="E368" s="10" t="s">
        <v>272</v>
      </c>
      <c r="F368" s="39" t="s">
        <v>273</v>
      </c>
      <c r="G368" s="8" t="s">
        <v>274</v>
      </c>
      <c r="H368" s="6" t="s">
        <v>92</v>
      </c>
      <c r="I368" s="28"/>
    </row>
    <row r="369" spans="1:9" x14ac:dyDescent="0.2">
      <c r="A369" s="19">
        <v>367</v>
      </c>
      <c r="B369" s="8" t="s">
        <v>265</v>
      </c>
      <c r="C369" s="6" t="s">
        <v>9</v>
      </c>
      <c r="D369" s="6"/>
      <c r="E369" s="10" t="s">
        <v>275</v>
      </c>
      <c r="F369" s="39" t="s">
        <v>276</v>
      </c>
      <c r="G369" s="8" t="s">
        <v>277</v>
      </c>
      <c r="H369" s="6" t="s">
        <v>92</v>
      </c>
      <c r="I369" s="28"/>
    </row>
    <row r="370" spans="1:9" x14ac:dyDescent="0.2">
      <c r="A370" s="19">
        <v>368</v>
      </c>
      <c r="B370" s="8" t="s">
        <v>265</v>
      </c>
      <c r="C370" s="6"/>
      <c r="D370" s="6" t="s">
        <v>9</v>
      </c>
      <c r="E370" s="10" t="s">
        <v>278</v>
      </c>
      <c r="F370" s="39" t="s">
        <v>279</v>
      </c>
      <c r="G370" s="8" t="s">
        <v>280</v>
      </c>
      <c r="H370" s="6" t="s">
        <v>92</v>
      </c>
      <c r="I370" s="28"/>
    </row>
    <row r="371" spans="1:9" x14ac:dyDescent="0.2">
      <c r="A371" s="19">
        <v>369</v>
      </c>
      <c r="B371" s="8" t="s">
        <v>1154</v>
      </c>
      <c r="C371" s="6" t="s">
        <v>9</v>
      </c>
      <c r="D371" s="6" t="s">
        <v>1155</v>
      </c>
      <c r="E371" s="5" t="s">
        <v>1165</v>
      </c>
      <c r="F371" s="39" t="s">
        <v>1166</v>
      </c>
      <c r="G371" s="5" t="s">
        <v>1167</v>
      </c>
      <c r="H371" s="6" t="s">
        <v>75</v>
      </c>
      <c r="I371" s="31"/>
    </row>
    <row r="372" spans="1:9" x14ac:dyDescent="0.2">
      <c r="A372" s="19">
        <v>370</v>
      </c>
      <c r="B372" s="5" t="s">
        <v>1154</v>
      </c>
      <c r="C372" s="6" t="s">
        <v>9</v>
      </c>
      <c r="D372" s="6"/>
      <c r="E372" s="5" t="s">
        <v>1168</v>
      </c>
      <c r="F372" s="39" t="s">
        <v>1169</v>
      </c>
      <c r="G372" s="5" t="s">
        <v>1296</v>
      </c>
      <c r="H372" s="6" t="s">
        <v>9</v>
      </c>
      <c r="I372" s="24"/>
    </row>
    <row r="373" spans="1:9" x14ac:dyDescent="0.2">
      <c r="A373" s="19">
        <v>371</v>
      </c>
      <c r="B373" s="8" t="s">
        <v>265</v>
      </c>
      <c r="C373" s="6"/>
      <c r="D373" s="6" t="s">
        <v>9</v>
      </c>
      <c r="E373" s="10" t="s">
        <v>281</v>
      </c>
      <c r="F373" s="39" t="s">
        <v>282</v>
      </c>
      <c r="G373" s="8" t="s">
        <v>283</v>
      </c>
      <c r="H373" s="6" t="s">
        <v>92</v>
      </c>
      <c r="I373" s="28"/>
    </row>
    <row r="374" spans="1:9" x14ac:dyDescent="0.2">
      <c r="A374" s="19">
        <v>372</v>
      </c>
      <c r="B374" s="8" t="s">
        <v>265</v>
      </c>
      <c r="C374" s="6" t="s">
        <v>9</v>
      </c>
      <c r="D374" s="6"/>
      <c r="E374" s="10" t="s">
        <v>284</v>
      </c>
      <c r="F374" s="39" t="s">
        <v>285</v>
      </c>
      <c r="G374" s="8" t="s">
        <v>286</v>
      </c>
      <c r="H374" s="6" t="s">
        <v>92</v>
      </c>
      <c r="I374" s="28"/>
    </row>
    <row r="375" spans="1:9" x14ac:dyDescent="0.2">
      <c r="A375" s="19">
        <v>373</v>
      </c>
      <c r="B375" s="8" t="s">
        <v>265</v>
      </c>
      <c r="C375" s="6" t="s">
        <v>9</v>
      </c>
      <c r="D375" s="6"/>
      <c r="E375" s="10" t="s">
        <v>287</v>
      </c>
      <c r="F375" s="39" t="s">
        <v>288</v>
      </c>
      <c r="G375" s="8" t="s">
        <v>289</v>
      </c>
      <c r="H375" s="6" t="s">
        <v>92</v>
      </c>
      <c r="I375" s="28"/>
    </row>
    <row r="376" spans="1:9" x14ac:dyDescent="0.2">
      <c r="A376" s="19">
        <v>374</v>
      </c>
      <c r="B376" s="8" t="s">
        <v>265</v>
      </c>
      <c r="C376" s="6" t="s">
        <v>9</v>
      </c>
      <c r="D376" s="6"/>
      <c r="E376" s="10" t="s">
        <v>290</v>
      </c>
      <c r="F376" s="39" t="s">
        <v>291</v>
      </c>
      <c r="G376" s="8" t="s">
        <v>292</v>
      </c>
      <c r="H376" s="6" t="s">
        <v>92</v>
      </c>
      <c r="I376" s="28"/>
    </row>
    <row r="377" spans="1:9" x14ac:dyDescent="0.2">
      <c r="A377" s="19">
        <v>375</v>
      </c>
      <c r="B377" s="8" t="s">
        <v>1154</v>
      </c>
      <c r="C377" s="6" t="s">
        <v>9</v>
      </c>
      <c r="D377" s="6"/>
      <c r="E377" s="5" t="s">
        <v>1170</v>
      </c>
      <c r="F377" s="39" t="s">
        <v>1171</v>
      </c>
      <c r="G377" s="5" t="s">
        <v>1172</v>
      </c>
      <c r="H377" s="6" t="s">
        <v>75</v>
      </c>
      <c r="I377" s="31"/>
    </row>
    <row r="378" spans="1:9" ht="28.8" x14ac:dyDescent="0.2">
      <c r="A378" s="19">
        <v>376</v>
      </c>
      <c r="B378" s="8" t="s">
        <v>265</v>
      </c>
      <c r="C378" s="6" t="s">
        <v>9</v>
      </c>
      <c r="D378" s="6"/>
      <c r="E378" s="7" t="s">
        <v>1338</v>
      </c>
      <c r="F378" s="39" t="s">
        <v>293</v>
      </c>
      <c r="G378" s="8" t="s">
        <v>294</v>
      </c>
      <c r="H378" s="6" t="s">
        <v>92</v>
      </c>
      <c r="I378" s="28"/>
    </row>
    <row r="379" spans="1:9" x14ac:dyDescent="0.2">
      <c r="A379" s="19">
        <v>377</v>
      </c>
      <c r="B379" s="8" t="s">
        <v>265</v>
      </c>
      <c r="C379" s="6" t="s">
        <v>9</v>
      </c>
      <c r="D379" s="6"/>
      <c r="E379" s="10" t="s">
        <v>295</v>
      </c>
      <c r="F379" s="39" t="s">
        <v>296</v>
      </c>
      <c r="G379" s="8" t="s">
        <v>297</v>
      </c>
      <c r="H379" s="6" t="s">
        <v>92</v>
      </c>
      <c r="I379" s="28"/>
    </row>
    <row r="380" spans="1:9" x14ac:dyDescent="0.2">
      <c r="A380" s="19">
        <v>378</v>
      </c>
      <c r="B380" s="8" t="s">
        <v>265</v>
      </c>
      <c r="C380" s="6" t="s">
        <v>9</v>
      </c>
      <c r="D380" s="6"/>
      <c r="E380" s="10" t="s">
        <v>298</v>
      </c>
      <c r="F380" s="39" t="s">
        <v>299</v>
      </c>
      <c r="G380" s="8" t="s">
        <v>300</v>
      </c>
      <c r="H380" s="6" t="s">
        <v>9</v>
      </c>
      <c r="I380" s="28"/>
    </row>
    <row r="381" spans="1:9" ht="28.8" x14ac:dyDescent="0.2">
      <c r="A381" s="19">
        <v>379</v>
      </c>
      <c r="B381" s="8" t="s">
        <v>361</v>
      </c>
      <c r="C381" s="6" t="s">
        <v>9</v>
      </c>
      <c r="D381" s="6"/>
      <c r="E381" s="12" t="s">
        <v>514</v>
      </c>
      <c r="F381" s="39" t="s">
        <v>362</v>
      </c>
      <c r="G381" s="8" t="s">
        <v>363</v>
      </c>
      <c r="H381" s="6" t="s">
        <v>92</v>
      </c>
      <c r="I381" s="28"/>
    </row>
    <row r="382" spans="1:9" x14ac:dyDescent="0.2">
      <c r="A382" s="19">
        <v>380</v>
      </c>
      <c r="B382" s="8" t="s">
        <v>361</v>
      </c>
      <c r="C382" s="6" t="s">
        <v>9</v>
      </c>
      <c r="D382" s="6"/>
      <c r="E382" s="12" t="s">
        <v>612</v>
      </c>
      <c r="F382" s="39" t="s">
        <v>364</v>
      </c>
      <c r="G382" s="8" t="s">
        <v>365</v>
      </c>
      <c r="H382" s="6" t="s">
        <v>92</v>
      </c>
      <c r="I382" s="28"/>
    </row>
    <row r="383" spans="1:9" x14ac:dyDescent="0.2">
      <c r="A383" s="19">
        <v>381</v>
      </c>
      <c r="B383" s="8" t="s">
        <v>361</v>
      </c>
      <c r="C383" s="6" t="s">
        <v>9</v>
      </c>
      <c r="D383" s="6"/>
      <c r="E383" s="12" t="s">
        <v>613</v>
      </c>
      <c r="F383" s="39" t="s">
        <v>366</v>
      </c>
      <c r="G383" s="8" t="s">
        <v>367</v>
      </c>
      <c r="H383" s="6" t="s">
        <v>92</v>
      </c>
      <c r="I383" s="28"/>
    </row>
    <row r="384" spans="1:9" x14ac:dyDescent="0.2">
      <c r="A384" s="19">
        <v>382</v>
      </c>
      <c r="B384" s="8" t="s">
        <v>361</v>
      </c>
      <c r="C384" s="6" t="s">
        <v>9</v>
      </c>
      <c r="D384" s="6"/>
      <c r="E384" s="10" t="s">
        <v>368</v>
      </c>
      <c r="F384" s="39" t="s">
        <v>369</v>
      </c>
      <c r="G384" s="8" t="s">
        <v>370</v>
      </c>
      <c r="H384" s="6" t="s">
        <v>92</v>
      </c>
      <c r="I384" s="28"/>
    </row>
    <row r="385" spans="1:9" x14ac:dyDescent="0.2">
      <c r="A385" s="19">
        <v>383</v>
      </c>
      <c r="B385" s="8" t="s">
        <v>361</v>
      </c>
      <c r="C385" s="6" t="s">
        <v>9</v>
      </c>
      <c r="D385" s="6"/>
      <c r="E385" s="10" t="s">
        <v>371</v>
      </c>
      <c r="F385" s="39" t="s">
        <v>372</v>
      </c>
      <c r="G385" s="8" t="s">
        <v>373</v>
      </c>
      <c r="H385" s="6" t="s">
        <v>92</v>
      </c>
      <c r="I385" s="28"/>
    </row>
    <row r="386" spans="1:9" x14ac:dyDescent="0.2">
      <c r="A386" s="19">
        <v>384</v>
      </c>
      <c r="B386" s="8" t="s">
        <v>361</v>
      </c>
      <c r="C386" s="6" t="s">
        <v>9</v>
      </c>
      <c r="D386" s="6"/>
      <c r="E386" s="10" t="s">
        <v>374</v>
      </c>
      <c r="F386" s="39" t="s">
        <v>375</v>
      </c>
      <c r="G386" s="8" t="s">
        <v>376</v>
      </c>
      <c r="H386" s="6" t="s">
        <v>92</v>
      </c>
      <c r="I386" s="28"/>
    </row>
    <row r="387" spans="1:9" x14ac:dyDescent="0.2">
      <c r="A387" s="19">
        <v>385</v>
      </c>
      <c r="B387" s="8" t="s">
        <v>361</v>
      </c>
      <c r="C387" s="6" t="s">
        <v>9</v>
      </c>
      <c r="D387" s="6"/>
      <c r="E387" s="10" t="s">
        <v>377</v>
      </c>
      <c r="F387" s="39" t="s">
        <v>378</v>
      </c>
      <c r="G387" s="8" t="s">
        <v>379</v>
      </c>
      <c r="H387" s="6" t="s">
        <v>92</v>
      </c>
      <c r="I387" s="28"/>
    </row>
    <row r="388" spans="1:9" x14ac:dyDescent="0.2">
      <c r="A388" s="19">
        <v>386</v>
      </c>
      <c r="B388" s="8" t="s">
        <v>361</v>
      </c>
      <c r="C388" s="6" t="s">
        <v>9</v>
      </c>
      <c r="D388" s="6"/>
      <c r="E388" s="10" t="s">
        <v>1179</v>
      </c>
      <c r="F388" s="39" t="s">
        <v>380</v>
      </c>
      <c r="G388" s="8" t="s">
        <v>381</v>
      </c>
      <c r="H388" s="6" t="s">
        <v>92</v>
      </c>
      <c r="I388" s="28"/>
    </row>
    <row r="389" spans="1:9" x14ac:dyDescent="0.2">
      <c r="A389" s="19">
        <v>387</v>
      </c>
      <c r="B389" s="8" t="s">
        <v>361</v>
      </c>
      <c r="C389" s="6" t="s">
        <v>9</v>
      </c>
      <c r="D389" s="6"/>
      <c r="E389" s="10" t="s">
        <v>1178</v>
      </c>
      <c r="F389" s="39" t="s">
        <v>382</v>
      </c>
      <c r="G389" s="8" t="s">
        <v>383</v>
      </c>
      <c r="H389" s="6" t="s">
        <v>92</v>
      </c>
      <c r="I389" s="28"/>
    </row>
    <row r="390" spans="1:9" x14ac:dyDescent="0.2">
      <c r="A390" s="19">
        <v>388</v>
      </c>
      <c r="B390" s="8" t="s">
        <v>361</v>
      </c>
      <c r="C390" s="6"/>
      <c r="D390" s="6" t="s">
        <v>9</v>
      </c>
      <c r="E390" s="10" t="s">
        <v>384</v>
      </c>
      <c r="F390" s="39" t="s">
        <v>385</v>
      </c>
      <c r="G390" s="8" t="s">
        <v>386</v>
      </c>
      <c r="H390" s="6" t="s">
        <v>92</v>
      </c>
      <c r="I390" s="28"/>
    </row>
    <row r="391" spans="1:9" s="3" customFormat="1" x14ac:dyDescent="0.2">
      <c r="A391" s="19">
        <v>389</v>
      </c>
      <c r="B391" s="5" t="s">
        <v>361</v>
      </c>
      <c r="C391" s="6" t="s">
        <v>9</v>
      </c>
      <c r="D391" s="6"/>
      <c r="E391" s="5" t="s">
        <v>1297</v>
      </c>
      <c r="F391" s="39" t="s">
        <v>1298</v>
      </c>
      <c r="G391" s="5" t="s">
        <v>1299</v>
      </c>
      <c r="H391" s="6" t="s">
        <v>92</v>
      </c>
      <c r="I391" s="24"/>
    </row>
    <row r="392" spans="1:9" x14ac:dyDescent="0.2">
      <c r="A392" s="19">
        <v>390</v>
      </c>
      <c r="B392" s="8" t="s">
        <v>301</v>
      </c>
      <c r="C392" s="6" t="s">
        <v>9</v>
      </c>
      <c r="D392" s="6"/>
      <c r="E392" s="10" t="s">
        <v>302</v>
      </c>
      <c r="F392" s="39" t="s">
        <v>303</v>
      </c>
      <c r="G392" s="8" t="s">
        <v>304</v>
      </c>
      <c r="H392" s="6" t="s">
        <v>92</v>
      </c>
      <c r="I392" s="28"/>
    </row>
    <row r="393" spans="1:9" x14ac:dyDescent="0.2">
      <c r="A393" s="19">
        <v>391</v>
      </c>
      <c r="B393" s="8" t="s">
        <v>301</v>
      </c>
      <c r="C393" s="6" t="s">
        <v>9</v>
      </c>
      <c r="D393" s="6"/>
      <c r="E393" s="10" t="s">
        <v>305</v>
      </c>
      <c r="F393" s="39" t="s">
        <v>649</v>
      </c>
      <c r="G393" s="8" t="s">
        <v>306</v>
      </c>
      <c r="H393" s="6" t="s">
        <v>92</v>
      </c>
      <c r="I393" s="28"/>
    </row>
    <row r="394" spans="1:9" x14ac:dyDescent="0.2">
      <c r="A394" s="19">
        <v>392</v>
      </c>
      <c r="B394" s="8" t="s">
        <v>301</v>
      </c>
      <c r="C394" s="6" t="s">
        <v>9</v>
      </c>
      <c r="D394" s="6"/>
      <c r="E394" s="10" t="s">
        <v>307</v>
      </c>
      <c r="F394" s="39" t="s">
        <v>645</v>
      </c>
      <c r="G394" s="47" t="s">
        <v>1339</v>
      </c>
      <c r="H394" s="6" t="s">
        <v>92</v>
      </c>
      <c r="I394" s="28"/>
    </row>
    <row r="395" spans="1:9" x14ac:dyDescent="0.2">
      <c r="A395" s="19">
        <v>393</v>
      </c>
      <c r="B395" s="8" t="s">
        <v>301</v>
      </c>
      <c r="C395" s="6"/>
      <c r="D395" s="6" t="s">
        <v>9</v>
      </c>
      <c r="E395" s="10" t="s">
        <v>308</v>
      </c>
      <c r="F395" s="39" t="s">
        <v>1245</v>
      </c>
      <c r="G395" s="8" t="s">
        <v>309</v>
      </c>
      <c r="H395" s="6" t="s">
        <v>92</v>
      </c>
      <c r="I395" s="28"/>
    </row>
    <row r="396" spans="1:9" x14ac:dyDescent="0.2">
      <c r="A396" s="19">
        <v>394</v>
      </c>
      <c r="B396" s="5" t="s">
        <v>301</v>
      </c>
      <c r="C396" s="6"/>
      <c r="D396" s="6" t="s">
        <v>9</v>
      </c>
      <c r="E396" s="10" t="s">
        <v>310</v>
      </c>
      <c r="F396" s="39" t="s">
        <v>648</v>
      </c>
      <c r="G396" s="8" t="s">
        <v>311</v>
      </c>
      <c r="H396" s="6" t="s">
        <v>92</v>
      </c>
      <c r="I396" s="28"/>
    </row>
    <row r="397" spans="1:9" x14ac:dyDescent="0.2">
      <c r="A397" s="19">
        <v>395</v>
      </c>
      <c r="B397" s="5" t="s">
        <v>301</v>
      </c>
      <c r="C397" s="6"/>
      <c r="D397" s="6" t="s">
        <v>9</v>
      </c>
      <c r="E397" s="10" t="s">
        <v>312</v>
      </c>
      <c r="F397" s="39" t="s">
        <v>313</v>
      </c>
      <c r="G397" s="8" t="s">
        <v>314</v>
      </c>
      <c r="H397" s="6" t="s">
        <v>9</v>
      </c>
      <c r="I397" s="28"/>
    </row>
    <row r="398" spans="1:9" x14ac:dyDescent="0.2">
      <c r="A398" s="19">
        <v>396</v>
      </c>
      <c r="B398" s="5" t="s">
        <v>301</v>
      </c>
      <c r="C398" s="6"/>
      <c r="D398" s="6" t="s">
        <v>9</v>
      </c>
      <c r="E398" s="10" t="s">
        <v>315</v>
      </c>
      <c r="F398" s="39" t="s">
        <v>647</v>
      </c>
      <c r="G398" s="8" t="s">
        <v>316</v>
      </c>
      <c r="H398" s="6" t="s">
        <v>18</v>
      </c>
      <c r="I398" s="28"/>
    </row>
    <row r="399" spans="1:9" x14ac:dyDescent="0.2">
      <c r="A399" s="19">
        <v>397</v>
      </c>
      <c r="B399" s="5" t="s">
        <v>301</v>
      </c>
      <c r="C399" s="6" t="s">
        <v>9</v>
      </c>
      <c r="D399" s="6"/>
      <c r="E399" s="5" t="s">
        <v>1175</v>
      </c>
      <c r="F399" s="39" t="s">
        <v>317</v>
      </c>
      <c r="G399" s="5" t="s">
        <v>1176</v>
      </c>
      <c r="H399" s="6" t="s">
        <v>1177</v>
      </c>
      <c r="I399" s="24"/>
    </row>
    <row r="400" spans="1:9" s="2" customFormat="1" x14ac:dyDescent="0.2">
      <c r="A400" s="19">
        <v>398</v>
      </c>
      <c r="B400" s="5" t="s">
        <v>1119</v>
      </c>
      <c r="C400" s="6" t="s">
        <v>9</v>
      </c>
      <c r="D400" s="6"/>
      <c r="E400" s="10" t="s">
        <v>1120</v>
      </c>
      <c r="F400" s="39" t="s">
        <v>1138</v>
      </c>
      <c r="G400" s="8" t="s">
        <v>1121</v>
      </c>
      <c r="H400" s="6" t="s">
        <v>92</v>
      </c>
      <c r="I400" s="28"/>
    </row>
    <row r="401" spans="1:9" s="2" customFormat="1" x14ac:dyDescent="0.2">
      <c r="A401" s="19">
        <v>399</v>
      </c>
      <c r="B401" s="5" t="s">
        <v>1119</v>
      </c>
      <c r="C401" s="6" t="s">
        <v>9</v>
      </c>
      <c r="D401" s="6"/>
      <c r="E401" s="10" t="s">
        <v>1122</v>
      </c>
      <c r="F401" s="39" t="s">
        <v>1139</v>
      </c>
      <c r="G401" s="8" t="s">
        <v>1123</v>
      </c>
      <c r="H401" s="6" t="s">
        <v>92</v>
      </c>
      <c r="I401" s="28"/>
    </row>
    <row r="402" spans="1:9" s="2" customFormat="1" x14ac:dyDescent="0.2">
      <c r="A402" s="19">
        <v>400</v>
      </c>
      <c r="B402" s="5" t="s">
        <v>1119</v>
      </c>
      <c r="C402" s="6" t="s">
        <v>9</v>
      </c>
      <c r="D402" s="6"/>
      <c r="E402" s="5" t="s">
        <v>1124</v>
      </c>
      <c r="F402" s="39" t="s">
        <v>1140</v>
      </c>
      <c r="G402" s="5" t="s">
        <v>1125</v>
      </c>
      <c r="H402" s="6" t="s">
        <v>92</v>
      </c>
      <c r="I402" s="24"/>
    </row>
    <row r="403" spans="1:9" s="2" customFormat="1" x14ac:dyDescent="0.2">
      <c r="A403" s="19">
        <v>401</v>
      </c>
      <c r="B403" s="5" t="s">
        <v>1119</v>
      </c>
      <c r="C403" s="6"/>
      <c r="D403" s="6" t="s">
        <v>9</v>
      </c>
      <c r="E403" s="5" t="s">
        <v>1126</v>
      </c>
      <c r="F403" s="39" t="s">
        <v>1141</v>
      </c>
      <c r="G403" s="5" t="s">
        <v>1127</v>
      </c>
      <c r="H403" s="6" t="s">
        <v>9</v>
      </c>
      <c r="I403" s="24"/>
    </row>
    <row r="404" spans="1:9" s="2" customFormat="1" x14ac:dyDescent="0.2">
      <c r="A404" s="19">
        <v>402</v>
      </c>
      <c r="B404" s="5" t="s">
        <v>1119</v>
      </c>
      <c r="C404" s="6"/>
      <c r="D404" s="6" t="s">
        <v>9</v>
      </c>
      <c r="E404" s="10" t="s">
        <v>1128</v>
      </c>
      <c r="F404" s="39" t="s">
        <v>1142</v>
      </c>
      <c r="G404" s="8" t="s">
        <v>1129</v>
      </c>
      <c r="H404" s="6" t="s">
        <v>9</v>
      </c>
      <c r="I404" s="28"/>
    </row>
    <row r="405" spans="1:9" s="2" customFormat="1" x14ac:dyDescent="0.2">
      <c r="A405" s="19">
        <v>403</v>
      </c>
      <c r="B405" s="5" t="s">
        <v>1119</v>
      </c>
      <c r="C405" s="6"/>
      <c r="D405" s="6" t="s">
        <v>9</v>
      </c>
      <c r="E405" s="10" t="s">
        <v>1130</v>
      </c>
      <c r="F405" s="39" t="s">
        <v>1143</v>
      </c>
      <c r="G405" s="8" t="s">
        <v>1131</v>
      </c>
      <c r="H405" s="6" t="s">
        <v>92</v>
      </c>
      <c r="I405" s="28"/>
    </row>
    <row r="406" spans="1:9" s="2" customFormat="1" x14ac:dyDescent="0.2">
      <c r="A406" s="19">
        <v>404</v>
      </c>
      <c r="B406" s="5" t="s">
        <v>1119</v>
      </c>
      <c r="C406" s="6"/>
      <c r="D406" s="6" t="s">
        <v>9</v>
      </c>
      <c r="E406" s="10" t="s">
        <v>1132</v>
      </c>
      <c r="F406" s="39" t="s">
        <v>1144</v>
      </c>
      <c r="G406" s="8" t="s">
        <v>1133</v>
      </c>
      <c r="H406" s="6" t="s">
        <v>92</v>
      </c>
      <c r="I406" s="28"/>
    </row>
    <row r="407" spans="1:9" s="2" customFormat="1" x14ac:dyDescent="0.2">
      <c r="A407" s="19">
        <v>405</v>
      </c>
      <c r="B407" s="5" t="s">
        <v>1119</v>
      </c>
      <c r="C407" s="6"/>
      <c r="D407" s="6" t="s">
        <v>9</v>
      </c>
      <c r="E407" s="10" t="s">
        <v>1134</v>
      </c>
      <c r="F407" s="39" t="s">
        <v>1145</v>
      </c>
      <c r="G407" s="8" t="s">
        <v>1135</v>
      </c>
      <c r="H407" s="6" t="s">
        <v>92</v>
      </c>
      <c r="I407" s="28"/>
    </row>
    <row r="408" spans="1:9" s="2" customFormat="1" x14ac:dyDescent="0.2">
      <c r="A408" s="19">
        <v>406</v>
      </c>
      <c r="B408" s="5" t="s">
        <v>1119</v>
      </c>
      <c r="C408" s="6" t="s">
        <v>9</v>
      </c>
      <c r="D408" s="6"/>
      <c r="E408" s="5" t="s">
        <v>1136</v>
      </c>
      <c r="F408" s="39" t="s">
        <v>1146</v>
      </c>
      <c r="G408" s="5" t="s">
        <v>1137</v>
      </c>
      <c r="H408" s="6" t="s">
        <v>92</v>
      </c>
      <c r="I408" s="24"/>
    </row>
    <row r="409" spans="1:9" x14ac:dyDescent="0.2">
      <c r="A409" s="19">
        <v>407</v>
      </c>
      <c r="B409" s="5" t="s">
        <v>158</v>
      </c>
      <c r="C409" s="6" t="s">
        <v>9</v>
      </c>
      <c r="D409" s="6"/>
      <c r="E409" s="5" t="s">
        <v>161</v>
      </c>
      <c r="F409" s="39" t="s">
        <v>162</v>
      </c>
      <c r="G409" s="8" t="s">
        <v>163</v>
      </c>
      <c r="H409" s="6" t="s">
        <v>75</v>
      </c>
      <c r="I409" s="24"/>
    </row>
    <row r="410" spans="1:9" x14ac:dyDescent="0.2">
      <c r="A410" s="19">
        <v>408</v>
      </c>
      <c r="B410" s="5" t="s">
        <v>158</v>
      </c>
      <c r="C410" s="6" t="s">
        <v>9</v>
      </c>
      <c r="D410" s="6"/>
      <c r="E410" s="5" t="s">
        <v>164</v>
      </c>
      <c r="F410" s="39" t="s">
        <v>165</v>
      </c>
      <c r="G410" s="8" t="s">
        <v>166</v>
      </c>
      <c r="H410" s="6" t="s">
        <v>9</v>
      </c>
      <c r="I410" s="24"/>
    </row>
    <row r="411" spans="1:9" x14ac:dyDescent="0.2">
      <c r="A411" s="19">
        <v>409</v>
      </c>
      <c r="B411" s="5" t="s">
        <v>158</v>
      </c>
      <c r="C411" s="6" t="s">
        <v>9</v>
      </c>
      <c r="D411" s="6"/>
      <c r="E411" s="5" t="s">
        <v>167</v>
      </c>
      <c r="F411" s="39" t="s">
        <v>168</v>
      </c>
      <c r="G411" s="8" t="s">
        <v>169</v>
      </c>
      <c r="H411" s="6" t="s">
        <v>9</v>
      </c>
      <c r="I411" s="24"/>
    </row>
    <row r="412" spans="1:9" x14ac:dyDescent="0.2">
      <c r="A412" s="19">
        <v>410</v>
      </c>
      <c r="B412" s="5" t="s">
        <v>158</v>
      </c>
      <c r="C412" s="6" t="s">
        <v>9</v>
      </c>
      <c r="D412" s="6"/>
      <c r="E412" s="5" t="s">
        <v>170</v>
      </c>
      <c r="F412" s="39" t="s">
        <v>171</v>
      </c>
      <c r="G412" s="8" t="s">
        <v>172</v>
      </c>
      <c r="H412" s="6" t="s">
        <v>9</v>
      </c>
      <c r="I412" s="24"/>
    </row>
    <row r="413" spans="1:9" x14ac:dyDescent="0.2">
      <c r="A413" s="19">
        <v>411</v>
      </c>
      <c r="B413" s="5" t="s">
        <v>158</v>
      </c>
      <c r="C413" s="6" t="s">
        <v>9</v>
      </c>
      <c r="D413" s="6"/>
      <c r="E413" s="5" t="s">
        <v>173</v>
      </c>
      <c r="F413" s="39" t="s">
        <v>174</v>
      </c>
      <c r="G413" s="8" t="s">
        <v>175</v>
      </c>
      <c r="H413" s="6" t="s">
        <v>9</v>
      </c>
      <c r="I413" s="24"/>
    </row>
    <row r="414" spans="1:9" x14ac:dyDescent="0.2">
      <c r="A414" s="19">
        <v>412</v>
      </c>
      <c r="B414" s="5" t="s">
        <v>158</v>
      </c>
      <c r="C414" s="6" t="s">
        <v>9</v>
      </c>
      <c r="D414" s="6"/>
      <c r="E414" s="5" t="s">
        <v>176</v>
      </c>
      <c r="F414" s="39" t="s">
        <v>177</v>
      </c>
      <c r="G414" s="8" t="s">
        <v>178</v>
      </c>
      <c r="H414" s="6" t="s">
        <v>9</v>
      </c>
      <c r="I414" s="24"/>
    </row>
    <row r="415" spans="1:9" s="2" customFormat="1" x14ac:dyDescent="0.2">
      <c r="A415" s="19">
        <v>413</v>
      </c>
      <c r="B415" s="5" t="s">
        <v>158</v>
      </c>
      <c r="C415" s="6" t="s">
        <v>9</v>
      </c>
      <c r="D415" s="6"/>
      <c r="E415" s="5" t="s">
        <v>1152</v>
      </c>
      <c r="F415" s="39" t="s">
        <v>159</v>
      </c>
      <c r="G415" s="8" t="s">
        <v>160</v>
      </c>
      <c r="H415" s="6" t="s">
        <v>18</v>
      </c>
      <c r="I415" s="24"/>
    </row>
    <row r="416" spans="1:9" x14ac:dyDescent="0.2">
      <c r="A416" s="19">
        <v>414</v>
      </c>
      <c r="B416" s="5" t="s">
        <v>179</v>
      </c>
      <c r="C416" s="6"/>
      <c r="D416" s="6" t="s">
        <v>9</v>
      </c>
      <c r="E416" s="5" t="s">
        <v>180</v>
      </c>
      <c r="F416" s="39" t="s">
        <v>181</v>
      </c>
      <c r="G416" s="8" t="s">
        <v>182</v>
      </c>
      <c r="H416" s="6" t="s">
        <v>9</v>
      </c>
      <c r="I416" s="24"/>
    </row>
    <row r="417" spans="1:9" x14ac:dyDescent="0.2">
      <c r="A417" s="19">
        <v>415</v>
      </c>
      <c r="B417" s="5" t="s">
        <v>179</v>
      </c>
      <c r="C417" s="6"/>
      <c r="D417" s="6" t="s">
        <v>9</v>
      </c>
      <c r="E417" s="5" t="s">
        <v>183</v>
      </c>
      <c r="F417" s="39" t="s">
        <v>184</v>
      </c>
      <c r="G417" s="8" t="s">
        <v>185</v>
      </c>
      <c r="H417" s="6" t="s">
        <v>186</v>
      </c>
      <c r="I417" s="24"/>
    </row>
    <row r="418" spans="1:9" x14ac:dyDescent="0.2">
      <c r="A418" s="19">
        <v>416</v>
      </c>
      <c r="B418" s="5" t="s">
        <v>179</v>
      </c>
      <c r="C418" s="6"/>
      <c r="D418" s="6" t="s">
        <v>9</v>
      </c>
      <c r="E418" s="5" t="s">
        <v>187</v>
      </c>
      <c r="F418" s="39" t="s">
        <v>188</v>
      </c>
      <c r="G418" s="5" t="s">
        <v>1181</v>
      </c>
      <c r="H418" s="6" t="s">
        <v>18</v>
      </c>
      <c r="I418" s="24"/>
    </row>
    <row r="419" spans="1:9" x14ac:dyDescent="0.2">
      <c r="A419" s="19">
        <v>417</v>
      </c>
      <c r="B419" s="5" t="s">
        <v>179</v>
      </c>
      <c r="C419" s="6" t="s">
        <v>9</v>
      </c>
      <c r="D419" s="6"/>
      <c r="E419" s="5" t="s">
        <v>189</v>
      </c>
      <c r="F419" s="39" t="s">
        <v>190</v>
      </c>
      <c r="G419" s="5" t="s">
        <v>1182</v>
      </c>
      <c r="H419" s="6" t="s">
        <v>1105</v>
      </c>
      <c r="I419" s="24"/>
    </row>
    <row r="420" spans="1:9" x14ac:dyDescent="0.2">
      <c r="A420" s="19">
        <v>418</v>
      </c>
      <c r="B420" s="5" t="s">
        <v>179</v>
      </c>
      <c r="C420" s="6"/>
      <c r="D420" s="6" t="s">
        <v>9</v>
      </c>
      <c r="E420" s="5" t="s">
        <v>191</v>
      </c>
      <c r="F420" s="39" t="s">
        <v>192</v>
      </c>
      <c r="G420" s="8" t="s">
        <v>193</v>
      </c>
      <c r="H420" s="6" t="s">
        <v>75</v>
      </c>
      <c r="I420" s="24"/>
    </row>
    <row r="421" spans="1:9" x14ac:dyDescent="0.2">
      <c r="A421" s="19">
        <v>419</v>
      </c>
      <c r="B421" s="5" t="s">
        <v>179</v>
      </c>
      <c r="C421" s="6"/>
      <c r="D421" s="6" t="s">
        <v>9</v>
      </c>
      <c r="E421" s="5" t="s">
        <v>194</v>
      </c>
      <c r="F421" s="39" t="s">
        <v>195</v>
      </c>
      <c r="G421" s="8" t="s">
        <v>196</v>
      </c>
      <c r="H421" s="6" t="s">
        <v>18</v>
      </c>
      <c r="I421" s="24"/>
    </row>
    <row r="422" spans="1:9" x14ac:dyDescent="0.2">
      <c r="A422" s="19">
        <v>420</v>
      </c>
      <c r="B422" s="5" t="s">
        <v>179</v>
      </c>
      <c r="C422" s="6"/>
      <c r="D422" s="6" t="s">
        <v>9</v>
      </c>
      <c r="E422" s="5" t="s">
        <v>197</v>
      </c>
      <c r="F422" s="39" t="s">
        <v>198</v>
      </c>
      <c r="G422" s="8" t="s">
        <v>199</v>
      </c>
      <c r="H422" s="6" t="s">
        <v>9</v>
      </c>
      <c r="I422" s="24"/>
    </row>
    <row r="423" spans="1:9" x14ac:dyDescent="0.2">
      <c r="A423" s="19">
        <v>421</v>
      </c>
      <c r="B423" s="5" t="s">
        <v>179</v>
      </c>
      <c r="C423" s="6" t="s">
        <v>9</v>
      </c>
      <c r="D423" s="6"/>
      <c r="E423" s="5" t="s">
        <v>200</v>
      </c>
      <c r="F423" s="39" t="s">
        <v>201</v>
      </c>
      <c r="G423" s="8" t="s">
        <v>202</v>
      </c>
      <c r="H423" s="6" t="s">
        <v>9</v>
      </c>
      <c r="I423" s="24"/>
    </row>
    <row r="424" spans="1:9" x14ac:dyDescent="0.2">
      <c r="A424" s="19">
        <v>422</v>
      </c>
      <c r="B424" s="5" t="s">
        <v>179</v>
      </c>
      <c r="C424" s="6" t="s">
        <v>9</v>
      </c>
      <c r="D424" s="6"/>
      <c r="E424" s="5" t="s">
        <v>203</v>
      </c>
      <c r="F424" s="39" t="s">
        <v>204</v>
      </c>
      <c r="G424" s="8" t="s">
        <v>205</v>
      </c>
      <c r="H424" s="6" t="s">
        <v>18</v>
      </c>
      <c r="I424" s="24"/>
    </row>
    <row r="425" spans="1:9" s="2" customFormat="1" x14ac:dyDescent="0.2">
      <c r="A425" s="19">
        <v>423</v>
      </c>
      <c r="B425" s="5" t="s">
        <v>179</v>
      </c>
      <c r="C425" s="6" t="s">
        <v>9</v>
      </c>
      <c r="D425" s="6"/>
      <c r="E425" s="5" t="s">
        <v>1183</v>
      </c>
      <c r="F425" s="39" t="s">
        <v>1184</v>
      </c>
      <c r="G425" s="5" t="s">
        <v>1185</v>
      </c>
      <c r="H425" s="6" t="s">
        <v>18</v>
      </c>
      <c r="I425" s="24"/>
    </row>
    <row r="426" spans="1:9" x14ac:dyDescent="0.2">
      <c r="A426" s="19">
        <v>424</v>
      </c>
      <c r="B426" s="5" t="s">
        <v>387</v>
      </c>
      <c r="C426" s="6" t="s">
        <v>9</v>
      </c>
      <c r="D426" s="6"/>
      <c r="E426" s="5" t="s">
        <v>388</v>
      </c>
      <c r="F426" s="39" t="s">
        <v>389</v>
      </c>
      <c r="G426" s="8" t="s">
        <v>390</v>
      </c>
      <c r="H426" s="6" t="s">
        <v>92</v>
      </c>
      <c r="I426" s="24"/>
    </row>
    <row r="427" spans="1:9" x14ac:dyDescent="0.2">
      <c r="A427" s="19">
        <v>425</v>
      </c>
      <c r="B427" s="5" t="s">
        <v>387</v>
      </c>
      <c r="C427" s="6"/>
      <c r="D427" s="6" t="s">
        <v>9</v>
      </c>
      <c r="E427" s="5" t="s">
        <v>1300</v>
      </c>
      <c r="F427" s="39" t="s">
        <v>1301</v>
      </c>
      <c r="G427" s="5" t="s">
        <v>391</v>
      </c>
      <c r="H427" s="6" t="s">
        <v>18</v>
      </c>
      <c r="I427" s="25"/>
    </row>
    <row r="428" spans="1:9" x14ac:dyDescent="0.2">
      <c r="A428" s="19">
        <v>426</v>
      </c>
      <c r="B428" s="5" t="s">
        <v>387</v>
      </c>
      <c r="C428" s="6"/>
      <c r="D428" s="6" t="s">
        <v>9</v>
      </c>
      <c r="E428" s="5" t="s">
        <v>392</v>
      </c>
      <c r="F428" s="39" t="s">
        <v>630</v>
      </c>
      <c r="G428" s="8" t="s">
        <v>393</v>
      </c>
      <c r="H428" s="6" t="s">
        <v>92</v>
      </c>
      <c r="I428" s="24"/>
    </row>
    <row r="429" spans="1:9" x14ac:dyDescent="0.2">
      <c r="A429" s="19">
        <v>427</v>
      </c>
      <c r="B429" s="5" t="s">
        <v>387</v>
      </c>
      <c r="C429" s="6"/>
      <c r="D429" s="6" t="s">
        <v>9</v>
      </c>
      <c r="E429" s="5" t="s">
        <v>1302</v>
      </c>
      <c r="F429" s="39" t="s">
        <v>1303</v>
      </c>
      <c r="G429" s="5" t="s">
        <v>394</v>
      </c>
      <c r="H429" s="6" t="s">
        <v>18</v>
      </c>
      <c r="I429" s="25"/>
    </row>
    <row r="430" spans="1:9" x14ac:dyDescent="0.2">
      <c r="A430" s="19">
        <v>428</v>
      </c>
      <c r="B430" s="5" t="s">
        <v>387</v>
      </c>
      <c r="C430" s="6"/>
      <c r="D430" s="6" t="s">
        <v>9</v>
      </c>
      <c r="E430" s="5" t="s">
        <v>395</v>
      </c>
      <c r="F430" s="39" t="s">
        <v>631</v>
      </c>
      <c r="G430" s="8" t="s">
        <v>396</v>
      </c>
      <c r="H430" s="6" t="s">
        <v>92</v>
      </c>
      <c r="I430" s="24"/>
    </row>
    <row r="431" spans="1:9" x14ac:dyDescent="0.2">
      <c r="A431" s="19">
        <v>429</v>
      </c>
      <c r="B431" s="5" t="s">
        <v>206</v>
      </c>
      <c r="C431" s="6" t="s">
        <v>207</v>
      </c>
      <c r="D431" s="6"/>
      <c r="E431" s="5" t="s">
        <v>208</v>
      </c>
      <c r="F431" s="39" t="s">
        <v>632</v>
      </c>
      <c r="G431" s="8" t="s">
        <v>209</v>
      </c>
      <c r="H431" s="6" t="s">
        <v>18</v>
      </c>
      <c r="I431" s="24"/>
    </row>
    <row r="432" spans="1:9" x14ac:dyDescent="0.2">
      <c r="A432" s="19">
        <v>430</v>
      </c>
      <c r="B432" s="5" t="s">
        <v>206</v>
      </c>
      <c r="C432" s="6" t="s">
        <v>207</v>
      </c>
      <c r="D432" s="6"/>
      <c r="E432" s="5" t="s">
        <v>210</v>
      </c>
      <c r="F432" s="39" t="s">
        <v>633</v>
      </c>
      <c r="G432" s="8" t="s">
        <v>211</v>
      </c>
      <c r="H432" s="6" t="s">
        <v>18</v>
      </c>
      <c r="I432" s="24"/>
    </row>
    <row r="433" spans="1:9" x14ac:dyDescent="0.2">
      <c r="A433" s="19">
        <v>431</v>
      </c>
      <c r="B433" s="5" t="s">
        <v>206</v>
      </c>
      <c r="C433" s="6"/>
      <c r="D433" s="6" t="s">
        <v>207</v>
      </c>
      <c r="E433" s="5" t="s">
        <v>212</v>
      </c>
      <c r="F433" s="39" t="s">
        <v>646</v>
      </c>
      <c r="G433" s="8" t="s">
        <v>213</v>
      </c>
      <c r="H433" s="6" t="s">
        <v>18</v>
      </c>
      <c r="I433" s="24"/>
    </row>
    <row r="434" spans="1:9" x14ac:dyDescent="0.2">
      <c r="A434" s="19">
        <v>432</v>
      </c>
      <c r="B434" s="5" t="s">
        <v>206</v>
      </c>
      <c r="C434" s="6"/>
      <c r="D434" s="6" t="s">
        <v>207</v>
      </c>
      <c r="E434" s="5" t="s">
        <v>214</v>
      </c>
      <c r="F434" s="39" t="s">
        <v>634</v>
      </c>
      <c r="G434" s="8" t="s">
        <v>215</v>
      </c>
      <c r="H434" s="6" t="s">
        <v>18</v>
      </c>
      <c r="I434" s="24"/>
    </row>
    <row r="435" spans="1:9" ht="28.8" x14ac:dyDescent="0.2">
      <c r="A435" s="19">
        <v>433</v>
      </c>
      <c r="B435" s="5" t="s">
        <v>216</v>
      </c>
      <c r="C435" s="6" t="s">
        <v>9</v>
      </c>
      <c r="D435" s="6"/>
      <c r="E435" s="5" t="s">
        <v>1304</v>
      </c>
      <c r="F435" s="39" t="s">
        <v>251</v>
      </c>
      <c r="G435" s="5" t="s">
        <v>1305</v>
      </c>
      <c r="H435" s="6" t="s">
        <v>92</v>
      </c>
      <c r="I435" s="31" t="s">
        <v>1306</v>
      </c>
    </row>
    <row r="436" spans="1:9" ht="28.8" x14ac:dyDescent="0.2">
      <c r="A436" s="19">
        <v>434</v>
      </c>
      <c r="B436" s="5" t="s">
        <v>216</v>
      </c>
      <c r="C436" s="6" t="s">
        <v>9</v>
      </c>
      <c r="D436" s="6"/>
      <c r="E436" s="5" t="s">
        <v>217</v>
      </c>
      <c r="F436" s="39" t="s">
        <v>1307</v>
      </c>
      <c r="G436" s="5" t="s">
        <v>1308</v>
      </c>
      <c r="H436" s="6" t="s">
        <v>92</v>
      </c>
      <c r="I436" s="31" t="s">
        <v>1306</v>
      </c>
    </row>
    <row r="437" spans="1:9" x14ac:dyDescent="0.2">
      <c r="A437" s="19">
        <v>435</v>
      </c>
      <c r="B437" s="5" t="s">
        <v>216</v>
      </c>
      <c r="C437" s="6" t="s">
        <v>9</v>
      </c>
      <c r="D437" s="6"/>
      <c r="E437" s="5" t="s">
        <v>218</v>
      </c>
      <c r="F437" s="39" t="s">
        <v>252</v>
      </c>
      <c r="G437" s="8" t="s">
        <v>219</v>
      </c>
      <c r="H437" s="6" t="s">
        <v>75</v>
      </c>
      <c r="I437" s="9"/>
    </row>
    <row r="438" spans="1:9" x14ac:dyDescent="0.2">
      <c r="A438" s="19">
        <v>436</v>
      </c>
      <c r="B438" s="5" t="s">
        <v>220</v>
      </c>
      <c r="C438" s="6"/>
      <c r="D438" s="6" t="s">
        <v>9</v>
      </c>
      <c r="E438" s="5" t="s">
        <v>221</v>
      </c>
      <c r="F438" s="39" t="s">
        <v>253</v>
      </c>
      <c r="G438" s="8" t="s">
        <v>222</v>
      </c>
      <c r="H438" s="6" t="s">
        <v>9</v>
      </c>
      <c r="I438" s="24"/>
    </row>
    <row r="439" spans="1:9" x14ac:dyDescent="0.2">
      <c r="A439" s="19">
        <v>437</v>
      </c>
      <c r="B439" s="5" t="s">
        <v>220</v>
      </c>
      <c r="C439" s="6" t="s">
        <v>9</v>
      </c>
      <c r="D439" s="6"/>
      <c r="E439" s="5" t="s">
        <v>223</v>
      </c>
      <c r="F439" s="39" t="s">
        <v>254</v>
      </c>
      <c r="G439" s="8" t="s">
        <v>1173</v>
      </c>
      <c r="H439" s="6" t="s">
        <v>75</v>
      </c>
      <c r="I439" s="31"/>
    </row>
    <row r="440" spans="1:9" ht="15" customHeight="1" x14ac:dyDescent="0.2">
      <c r="A440" s="19">
        <v>438</v>
      </c>
      <c r="B440" s="5" t="s">
        <v>220</v>
      </c>
      <c r="C440" s="6"/>
      <c r="D440" s="6" t="s">
        <v>9</v>
      </c>
      <c r="E440" s="5" t="s">
        <v>224</v>
      </c>
      <c r="F440" s="39" t="s">
        <v>255</v>
      </c>
      <c r="G440" s="8" t="s">
        <v>225</v>
      </c>
      <c r="H440" s="6" t="s">
        <v>92</v>
      </c>
      <c r="I440" s="48"/>
    </row>
    <row r="441" spans="1:9" x14ac:dyDescent="0.2">
      <c r="A441" s="19">
        <v>439</v>
      </c>
      <c r="B441" s="5" t="s">
        <v>220</v>
      </c>
      <c r="C441" s="6"/>
      <c r="D441" s="6" t="s">
        <v>9</v>
      </c>
      <c r="E441" s="5" t="s">
        <v>226</v>
      </c>
      <c r="F441" s="39" t="s">
        <v>256</v>
      </c>
      <c r="G441" s="8" t="s">
        <v>227</v>
      </c>
      <c r="H441" s="6" t="s">
        <v>18</v>
      </c>
      <c r="I441" s="24"/>
    </row>
    <row r="442" spans="1:9" x14ac:dyDescent="0.2">
      <c r="A442" s="19">
        <v>440</v>
      </c>
      <c r="B442" s="5" t="s">
        <v>220</v>
      </c>
      <c r="C442" s="6"/>
      <c r="D442" s="6" t="s">
        <v>9</v>
      </c>
      <c r="E442" s="5" t="s">
        <v>228</v>
      </c>
      <c r="F442" s="39" t="s">
        <v>257</v>
      </c>
      <c r="G442" s="8" t="s">
        <v>229</v>
      </c>
      <c r="H442" s="6" t="s">
        <v>92</v>
      </c>
      <c r="I442" s="24"/>
    </row>
    <row r="443" spans="1:9" x14ac:dyDescent="0.2">
      <c r="A443" s="19">
        <v>441</v>
      </c>
      <c r="B443" s="5" t="s">
        <v>230</v>
      </c>
      <c r="C443" s="6" t="s">
        <v>9</v>
      </c>
      <c r="D443" s="6"/>
      <c r="E443" s="5" t="s">
        <v>520</v>
      </c>
      <c r="F443" s="39" t="s">
        <v>258</v>
      </c>
      <c r="G443" s="8" t="s">
        <v>231</v>
      </c>
      <c r="H443" s="6" t="s">
        <v>9</v>
      </c>
      <c r="I443" s="31"/>
    </row>
    <row r="444" spans="1:9" x14ac:dyDescent="0.2">
      <c r="A444" s="19">
        <v>442</v>
      </c>
      <c r="B444" s="5" t="s">
        <v>230</v>
      </c>
      <c r="C444" s="6" t="s">
        <v>9</v>
      </c>
      <c r="D444" s="6"/>
      <c r="E444" s="5" t="s">
        <v>522</v>
      </c>
      <c r="F444" s="39" t="s">
        <v>259</v>
      </c>
      <c r="G444" s="8" t="s">
        <v>232</v>
      </c>
      <c r="H444" s="6" t="s">
        <v>9</v>
      </c>
      <c r="I444" s="31"/>
    </row>
    <row r="445" spans="1:9" x14ac:dyDescent="0.2">
      <c r="A445" s="19">
        <v>443</v>
      </c>
      <c r="B445" s="5" t="s">
        <v>230</v>
      </c>
      <c r="C445" s="6" t="s">
        <v>9</v>
      </c>
      <c r="D445" s="6"/>
      <c r="E445" s="5" t="s">
        <v>521</v>
      </c>
      <c r="F445" s="39" t="s">
        <v>260</v>
      </c>
      <c r="G445" s="8" t="s">
        <v>233</v>
      </c>
      <c r="H445" s="6" t="s">
        <v>9</v>
      </c>
      <c r="I445" s="31"/>
    </row>
    <row r="446" spans="1:9" x14ac:dyDescent="0.2">
      <c r="A446" s="19">
        <v>444</v>
      </c>
      <c r="B446" s="5" t="s">
        <v>397</v>
      </c>
      <c r="C446" s="6" t="s">
        <v>9</v>
      </c>
      <c r="D446" s="6"/>
      <c r="E446" s="5" t="s">
        <v>398</v>
      </c>
      <c r="F446" s="39" t="s">
        <v>635</v>
      </c>
      <c r="G446" s="8" t="s">
        <v>399</v>
      </c>
      <c r="H446" s="6" t="s">
        <v>400</v>
      </c>
      <c r="I446" s="24"/>
    </row>
    <row r="447" spans="1:9" x14ac:dyDescent="0.2">
      <c r="A447" s="19">
        <v>445</v>
      </c>
      <c r="B447" s="5" t="s">
        <v>397</v>
      </c>
      <c r="C447" s="6" t="s">
        <v>9</v>
      </c>
      <c r="D447" s="6"/>
      <c r="E447" s="5" t="s">
        <v>401</v>
      </c>
      <c r="F447" s="39" t="s">
        <v>636</v>
      </c>
      <c r="G447" s="8" t="s">
        <v>402</v>
      </c>
      <c r="H447" s="6" t="s">
        <v>9</v>
      </c>
      <c r="I447" s="24"/>
    </row>
    <row r="448" spans="1:9" x14ac:dyDescent="0.2">
      <c r="A448" s="19">
        <v>446</v>
      </c>
      <c r="B448" s="16" t="s">
        <v>234</v>
      </c>
      <c r="C448" s="6" t="s">
        <v>9</v>
      </c>
      <c r="D448" s="17"/>
      <c r="E448" s="16" t="s">
        <v>235</v>
      </c>
      <c r="F448" s="16" t="s">
        <v>261</v>
      </c>
      <c r="G448" s="16" t="s">
        <v>236</v>
      </c>
      <c r="H448" s="6" t="s">
        <v>9</v>
      </c>
      <c r="I448" s="18"/>
    </row>
    <row r="449" spans="1:9" x14ac:dyDescent="0.2">
      <c r="A449" s="19">
        <v>447</v>
      </c>
      <c r="B449" s="5" t="s">
        <v>359</v>
      </c>
      <c r="C449" s="6" t="s">
        <v>9</v>
      </c>
      <c r="D449" s="6"/>
      <c r="E449" s="5" t="s">
        <v>1309</v>
      </c>
      <c r="F449" s="39" t="s">
        <v>1310</v>
      </c>
      <c r="G449" s="5" t="s">
        <v>360</v>
      </c>
      <c r="H449" s="6" t="s">
        <v>18</v>
      </c>
      <c r="I449" s="32"/>
    </row>
    <row r="450" spans="1:9" s="2" customFormat="1" x14ac:dyDescent="0.2">
      <c r="A450" s="19">
        <v>448</v>
      </c>
      <c r="B450" s="5" t="s">
        <v>1187</v>
      </c>
      <c r="C450" s="6" t="s">
        <v>9</v>
      </c>
      <c r="D450" s="6"/>
      <c r="E450" s="5" t="s">
        <v>1188</v>
      </c>
      <c r="F450" s="39" t="s">
        <v>1190</v>
      </c>
      <c r="G450" s="5" t="s">
        <v>1189</v>
      </c>
      <c r="H450" s="6" t="s">
        <v>9</v>
      </c>
      <c r="I450" s="24"/>
    </row>
    <row r="451" spans="1:9" x14ac:dyDescent="0.2">
      <c r="A451" s="19">
        <v>449</v>
      </c>
      <c r="B451" s="5" t="s">
        <v>828</v>
      </c>
      <c r="C451" s="6" t="s">
        <v>9</v>
      </c>
      <c r="D451" s="6"/>
      <c r="E451" s="5" t="s">
        <v>829</v>
      </c>
      <c r="F451" s="39" t="s">
        <v>1103</v>
      </c>
      <c r="G451" s="5" t="s">
        <v>830</v>
      </c>
      <c r="H451" s="6" t="s">
        <v>18</v>
      </c>
      <c r="I451" s="24"/>
    </row>
    <row r="452" spans="1:9" x14ac:dyDescent="0.2">
      <c r="A452" s="19">
        <v>450</v>
      </c>
      <c r="B452" s="5" t="s">
        <v>828</v>
      </c>
      <c r="C452" s="6" t="s">
        <v>9</v>
      </c>
      <c r="D452" s="6"/>
      <c r="E452" s="5" t="s">
        <v>831</v>
      </c>
      <c r="F452" s="5" t="s">
        <v>1340</v>
      </c>
      <c r="G452" s="5" t="s">
        <v>832</v>
      </c>
      <c r="H452" s="6" t="s">
        <v>9</v>
      </c>
      <c r="I452" s="24"/>
    </row>
    <row r="453" spans="1:9" x14ac:dyDescent="0.2">
      <c r="A453" s="19">
        <v>451</v>
      </c>
      <c r="B453" s="5" t="s">
        <v>237</v>
      </c>
      <c r="C453" s="6" t="s">
        <v>9</v>
      </c>
      <c r="D453" s="6"/>
      <c r="E453" s="5" t="s">
        <v>1311</v>
      </c>
      <c r="F453" s="39" t="s">
        <v>262</v>
      </c>
      <c r="G453" s="8" t="s">
        <v>238</v>
      </c>
      <c r="H453" s="6" t="s">
        <v>18</v>
      </c>
      <c r="I453" s="33"/>
    </row>
    <row r="454" spans="1:9" x14ac:dyDescent="0.2">
      <c r="A454" s="19">
        <v>452</v>
      </c>
      <c r="B454" s="5" t="s">
        <v>237</v>
      </c>
      <c r="C454" s="6"/>
      <c r="D454" s="6" t="s">
        <v>9</v>
      </c>
      <c r="E454" s="5" t="s">
        <v>239</v>
      </c>
      <c r="F454" s="39" t="s">
        <v>263</v>
      </c>
      <c r="G454" s="8" t="s">
        <v>240</v>
      </c>
      <c r="H454" s="6" t="s">
        <v>92</v>
      </c>
      <c r="I454" s="24"/>
    </row>
    <row r="455" spans="1:9" x14ac:dyDescent="0.2">
      <c r="A455" s="19">
        <v>453</v>
      </c>
      <c r="B455" s="5" t="s">
        <v>237</v>
      </c>
      <c r="C455" s="6" t="s">
        <v>9</v>
      </c>
      <c r="D455" s="6"/>
      <c r="E455" s="5" t="s">
        <v>241</v>
      </c>
      <c r="F455" s="39" t="s">
        <v>264</v>
      </c>
      <c r="G455" s="8" t="s">
        <v>242</v>
      </c>
      <c r="H455" s="6" t="s">
        <v>92</v>
      </c>
      <c r="I455" s="24"/>
    </row>
    <row r="456" spans="1:9" x14ac:dyDescent="0.2">
      <c r="A456" s="19">
        <v>454</v>
      </c>
      <c r="B456" s="20" t="s">
        <v>1043</v>
      </c>
      <c r="C456" s="6" t="s">
        <v>9</v>
      </c>
      <c r="D456" s="21"/>
      <c r="E456" s="20" t="s">
        <v>1044</v>
      </c>
      <c r="F456" s="41" t="s">
        <v>1191</v>
      </c>
      <c r="G456" s="22" t="s">
        <v>1045</v>
      </c>
      <c r="H456" s="21" t="s">
        <v>92</v>
      </c>
      <c r="I456" s="34"/>
    </row>
  </sheetData>
  <mergeCells count="3">
    <mergeCell ref="F1:G1"/>
    <mergeCell ref="A1:E1"/>
    <mergeCell ref="H1:I1"/>
  </mergeCells>
  <phoneticPr fontId="1"/>
  <dataValidations count="3">
    <dataValidation imeMode="hiragana" allowBlank="1" showInputMessage="1" showErrorMessage="1" sqref="G86:G88 E90:G105 E107:G133 E170:F171 E84:F88"/>
    <dataValidation type="list" allowBlank="1" showInputMessage="1" showErrorMessage="1" sqref="G334 G340 G427 G429">
      <formula1>$I$4:$I$6</formula1>
    </dataValidation>
    <dataValidation type="list" allowBlank="1" showInputMessage="1" showErrorMessage="1" sqref="D319:D320">
      <formula1>$K$8:$K$9</formula1>
    </dataValidation>
  </dataValidations>
  <pageMargins left="0.25" right="0.25" top="0.75" bottom="0.75" header="0.3" footer="0.3"/>
  <pageSetup paperSize="9" orientation="landscape" r:id="rId1"/>
  <tableParts count="1">
    <tablePart r:id="rId2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幼稚園等預かり保育</vt:lpstr>
      <vt:lpstr>幼稚園等預かり保育!Print_Area</vt:lpstr>
      <vt:lpstr>幼稚園等預かり保育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中村 値英子</dc:creator>
  <cp:lastModifiedBy>user</cp:lastModifiedBy>
  <cp:lastPrinted>2023-02-22T01:29:45Z</cp:lastPrinted>
  <dcterms:created xsi:type="dcterms:W3CDTF">2022-10-12T06:31:47Z</dcterms:created>
  <dcterms:modified xsi:type="dcterms:W3CDTF">2023-09-29T05:57:19Z</dcterms:modified>
</cp:coreProperties>
</file>